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406"/>
  <workbookPr defaultThemeVersion="166925"/>
  <mc:AlternateContent xmlns:mc="http://schemas.openxmlformats.org/markup-compatibility/2006">
    <mc:Choice Requires="x15">
      <x15ac:absPath xmlns:x15ac="http://schemas.microsoft.com/office/spreadsheetml/2010/11/ac" url="\\s04\VO_DOC\01. Súťaže\2024\02. Oddelenie VO\01. Prebiehajúce zákazky\01. Magda\257_2023 Profylaktiká, servis a údržba\02. Príprava\03. PT\"/>
    </mc:Choice>
  </mc:AlternateContent>
  <xr:revisionPtr revIDLastSave="0" documentId="13_ncr:1_{9BAA6EA4-FE72-420F-84CD-8E163F904CF2}" xr6:coauthVersionLast="36" xr6:coauthVersionMax="36" xr10:uidLastSave="{00000000-0000-0000-0000-000000000000}"/>
  <bookViews>
    <workbookView xWindow="0" yWindow="0" windowWidth="28770" windowHeight="11595" xr2:uid="{266FFEA4-5E4A-4FDD-B9CB-426A644B751C}"/>
  </bookViews>
  <sheets>
    <sheet name="Špecifikácia predmetu zákazky" sheetId="1" r:id="rId1"/>
  </sheets>
  <definedNames>
    <definedName name="_xlnm.Print_Area" localSheetId="0">'Špecifikácia predmetu zákazky'!$A$1:$F$419</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62" uniqueCount="486">
  <si>
    <t>Názov predmetu zákazky:</t>
  </si>
  <si>
    <t>Špecifikácia predmetu zákazky</t>
  </si>
  <si>
    <t xml:space="preserve">Požadované minimálne technické vlastnosti, parametre a hodnoty predmetu zákazky
</t>
  </si>
  <si>
    <t>A. INTEGRAČNÝ BEZPEČNOSTNÝ SYSTÉM IBS VUSCH, a.s. (edícia: Advanced, V.2023, inštalácia  vo virtualizovanom prostredí VMware / ďalej „IBS“), SQL databáza</t>
  </si>
  <si>
    <t xml:space="preserve"> TECHNICKÁ ŠPECIFIKÁCIA</t>
  </si>
  <si>
    <t>jednotka</t>
  </si>
  <si>
    <t>presná hodnota</t>
  </si>
  <si>
    <t>xxx</t>
  </si>
  <si>
    <t>IBS VUSCH, a.s. - hlavná budova VUSCH</t>
  </si>
  <si>
    <t>ks</t>
  </si>
  <si>
    <t>1</t>
  </si>
  <si>
    <t>Operacný systém: Virtualizovaný server VMWare, OS Windows Server 2022 - hlavná budova VUSCH</t>
  </si>
  <si>
    <t>Databáza:  MS SQL 2022 (Standard edícia) - hlavná budova VUSCH</t>
  </si>
  <si>
    <t xml:space="preserve">Driver zariadenia: Ústredňa EPS FP2000 Series – hl.budova VUSCH + budova DIA </t>
  </si>
  <si>
    <t>3</t>
  </si>
  <si>
    <t>Driver zariadenia: Ústredňa EZS a SKV Advisor Master Series -  hlavná budova VUSCH</t>
  </si>
  <si>
    <t>7</t>
  </si>
  <si>
    <t xml:space="preserve">Driver zariadenia: Ústredňa EZS a SKV Advisor Master Series -  budova DIA   </t>
  </si>
  <si>
    <t>2</t>
  </si>
  <si>
    <t xml:space="preserve">Driver zariadenia: CCTV - hlavná budova VUSCH  </t>
  </si>
  <si>
    <t>4</t>
  </si>
  <si>
    <t xml:space="preserve">Driver zariadenia: CCTV - budova DIA  </t>
  </si>
  <si>
    <t>Dátový switch 24x10/100/1000 Mbit/s + 4xSFP</t>
  </si>
  <si>
    <t>Mesačná profylaktická prehliadka systému IBS  - Budova VUSCH +  DIA (v zmysle popisu A.1 bodu 1.5 – 1.8  uvedenej vo Funkčnej špecifikácii predmetu zákazky (ďalej „FŠPZ“)</t>
  </si>
  <si>
    <t>JV</t>
  </si>
  <si>
    <t>24</t>
  </si>
  <si>
    <t>Štvrťročná profylaktická prehliadka systému IBS  - Budova VUSCH + DIA (v zmysle popisu A.1 bodu 1.5 – 1.8 FŠPZ)</t>
  </si>
  <si>
    <t>8</t>
  </si>
  <si>
    <t>Vykonávanie opráv – IBS VUSCH, a.s.  – hlavná budova VUSCH + budova DIA</t>
  </si>
  <si>
    <t xml:space="preserve">hod. </t>
  </si>
  <si>
    <t>40</t>
  </si>
  <si>
    <t>FUNKČNÁ ŠPECIFIKÁCIA</t>
  </si>
  <si>
    <t>A.1</t>
  </si>
  <si>
    <t>Opravy, údržba a profylaktika IBS VUSCH, a.s.,  servisná pohotovosť</t>
  </si>
  <si>
    <t>1.1</t>
  </si>
  <si>
    <t xml:space="preserve">Zabezpečenie servisnej pohotovosti a skladovej pripravenosti náhradných dielov pre prípadné poruchy a nefunkčnosti Integračného bezpečnostného systému IBS VUSCH, a.s. inštalovanej vo virtualizovanom prostredí VMware VUSCH ako neoddeliteľnej časti objektovej bezpečnosti v režime 8x5x1  (Pohotovosť 8 hodín, 5 dní v týždni s reakčnou dobou fyzického nástupu na odstránenie poruchy 1 hodiny od nahlásenia poruchy). </t>
  </si>
  <si>
    <t>1.2</t>
  </si>
  <si>
    <t>Vykonávanie nevyhnutných opráv, údržby a profylaktiky systémov pre dohľadovú komunikáciu udalostí bezpečnostných technológií na IBS VUSCH, a.s., ktorý zabezpečuje centralizované a viacúčelové riešenie pre správu zariadení objektovej bezpečnosti v budove.  Kontrola bude vykonávaná fyzicky na mieste inštalácie IBS VUSCH, a.s. v prostredí VMware v chránenom objekte. 
Požaduje sa znalosť prostredia VMware, znalosť práce s databázami MYSQL, znalosť prostredia OS Windows Server, prostredia IBS server a IBS Client, práca s modulmi IBS a s vizualizačnými mapami IBS.</t>
  </si>
  <si>
    <t>1.3</t>
  </si>
  <si>
    <t>Požaduje sa vykonanie zmien vo vizualizačných mapách v prípade dočasnej nefunkčnosti niektorých prvkov Elektrickej požiarnej signalizácie („EPS“) / (dymové čidlo EPS, poplachové požiarne tlačidlo EPS, PIR detektor EZS, kamera CCTV atď.) formou zmeny ikony vo vizualizačnej mape (mapách) IBS VUSCH, a.s. na ikonu preškrtnutú a zvýraznenú s farebným a obrysovým zvýraznením pre lepšiu orientáciu zo strany obsluhy ako aj doplnenie ikony textovou poznámkou vo vizualizačnej mape s dátumom vzniku poruchy čidla, tlačidla, senzora, kamery a pod.</t>
  </si>
  <si>
    <t>1.4</t>
  </si>
  <si>
    <t xml:space="preserve">Požaduje sa vrátenie parametrov ikony prvku vo vizualizačnej mape IBS VUSCH, a.s. na pôvodný tvar po jeho oprave resp. výmene, v prípade zakreslených poznámok ku ikone prvku v poruche, odstránenie poznámok po sfunkčnení príslušného vadného prvku. </t>
  </si>
  <si>
    <t>1.5</t>
  </si>
  <si>
    <t>Profylaktická prehliadka zariadenia IBS VUSCH, a.s. - sw moduly a interfejsy pre komunikáciu s EPS - mesačne a štvrťročne – jar, leto, jeseň, zima v súčinnosti s termínom vykonania pravidelnej štvrťročnej alebo ročnej kontroly EPS.</t>
  </si>
  <si>
    <t>1.6</t>
  </si>
  <si>
    <t>Počas profylaktickej prehliadky IBS budú vykonané kontroly kabelážneho systému pre zber informácií z jednotlivých zariadení a ústrední EPS, ktoré sú monitorované IBS, hlavne vertikálne a horizontálne prestupy kabeláže, prepojenie servera IBS  s riadiacimi modulmi a ústredňami EPS.</t>
  </si>
  <si>
    <t>1.7</t>
  </si>
  <si>
    <t>Ako súčasť prehliadky bude vykonaná kontrola celistvosti SQL databázy pre IBS VUSCH, a.s., jej pravidelné odzálohovanie (kvartálne zálohy). Denné, týždenné a mesačné zálohy sú vykonávané automaticky. Počas profylaktickej kontroly je potrebné preskúšanie automatického zálohovania SQL databázy ako aj zálohovanie konfigurácie IBS VUSCH, a.s., jeho vizualizačných máp a sw nastavení.</t>
  </si>
  <si>
    <t>1.8</t>
  </si>
  <si>
    <t>Termíny profylaktických prehliadok zariadenia IBS VUSCH, a.s. - moduly komunikácie s ústredňami a EPS  budú zhodné s termínami vykonania pravidelných prehliadok zariadenia EPS a Evakuačný rozhlas („ER“).</t>
  </si>
  <si>
    <t>1.9</t>
  </si>
  <si>
    <t>Pri zistení odchýlok od správnej činnosti a porúch na zariadeniach IBS VUSCH, a.s. bude vykonaná ich kontrola a oprava. Pri zariadeniach vykazujúcich nefunkčnosť a nespoľahlivosť  (neodstrániteľné závady a odchýlky v ich činnosti), bude navrhnutá ich oprava alebo výmena za nové zariadenie. Táto výmena je bezplatná a je súčasťou paušálnej platby.  Záruka a bezplatná výmena vadných častí sa nevzťahuje na mechanické poškodenie zariadení alebo kabeláže zavinené treťou stranou a na poškodenie živelnou udalosťou (napr. po zásahu objektu bleskom alebo zatopením či zatečením komponentov).</t>
  </si>
  <si>
    <t>B. ELEKTRICKÁ POŽIARNA SIGNALIZÁCIA (EPS)</t>
  </si>
  <si>
    <t>Požiarna ústredňa FB 2800, Black box, 2-8 slučky, 512 hlásičov – Budova VUSCH +  DIA</t>
  </si>
  <si>
    <t>Globálny opakovač/emulátor FR2064, 32 zon, vrátane NC 2000 - do siete ARCNT - Budova VUSCH</t>
  </si>
  <si>
    <t>Dual sieťová karta s jednoduchým RS485 na pripojenie FR1200  -  Budova VUSCH</t>
  </si>
  <si>
    <t>5</t>
  </si>
  <si>
    <t>Adaptér k Dual sieťová karta s jednoduchým RS485 na zdvojené RS485 – Budova VUSCH</t>
  </si>
  <si>
    <t>Karta pre rozšírenie o 2 slučky   -   Budova VUSCH</t>
  </si>
  <si>
    <t>Optický detektor série 2000 – Budova VUSCH</t>
  </si>
  <si>
    <t>707</t>
  </si>
  <si>
    <t>Optický detektor série 2000 – DIA</t>
  </si>
  <si>
    <t>190</t>
  </si>
  <si>
    <t>Základňa (pätica) pre detektory série 2000, 10 cm, 4 svorky – Budova VUSCH</t>
  </si>
  <si>
    <t>666</t>
  </si>
  <si>
    <t>Základňa (pätica) pre detektory série 2000, 10 cm, 4 svorky – DIA</t>
  </si>
  <si>
    <t>173</t>
  </si>
  <si>
    <t>Izolátorová pätica série 2000 – Budova VUSCH</t>
  </si>
  <si>
    <t>41</t>
  </si>
  <si>
    <t>Izolátorová pätica série 2000 – DIA</t>
  </si>
  <si>
    <t>17</t>
  </si>
  <si>
    <t>Samostatný detektor oxidu uhoľnatého  -  Budova VUSCH</t>
  </si>
  <si>
    <t>Manuálny tlačidlový hlásič série 2000 – Budova VUSCH</t>
  </si>
  <si>
    <t>76</t>
  </si>
  <si>
    <t>Manuálny tlačidlový hlásič série 2000 – DIA</t>
  </si>
  <si>
    <t>30</t>
  </si>
  <si>
    <t>Základňa k manuálnemu hlásiču – Budova VUSCH</t>
  </si>
  <si>
    <t>Základňa k manuálnemu hlásiču – DIA</t>
  </si>
  <si>
    <t>Vstupno- výstupné moduly IO2034 – Budova VUSCH</t>
  </si>
  <si>
    <t>99</t>
  </si>
  <si>
    <t>Vstupno- výstupné moduly IO2034 – DIA</t>
  </si>
  <si>
    <t>Modul 18 releových výstupov  -  Budova VUSCH</t>
  </si>
  <si>
    <t>Požiarna siréna viactónová, nezálohovaná, vysoká základňa, IP 65 - Budova VUSCH</t>
  </si>
  <si>
    <t>Prevodník RS232/RS422 – Ethernet  -  Budova VUSCH</t>
  </si>
  <si>
    <t>Akumulátor 12V/18Ah  - Budova VUSCH</t>
  </si>
  <si>
    <t>6</t>
  </si>
  <si>
    <t>Mesačná profylaktická prehliadka systému EPS  - Budova VUSCH (v zmysle popisu B.2 FŠPZ)</t>
  </si>
  <si>
    <t>Štvrťročná profylaktická prehliadka systému EPS - Budova VUSCH (v zmysle popisu B.3 FŠPZ)</t>
  </si>
  <si>
    <t>Ročná profylaktická prehliadka systému EPS  -  Budova VUSCH +  DIA (v zmysle popisu B.4. FŠPZ)</t>
  </si>
  <si>
    <t>Výmena základnej dosky elektroniky ústredne FB2800 v prípade potreby – Budova VUSCH</t>
  </si>
  <si>
    <t>Výmena globálneho opakovača/emulátora v prípade potreby  - Budova VUSCH</t>
  </si>
  <si>
    <t>Výmena optického detektoru série 2000 v prípade potreby – Budova VUSCH</t>
  </si>
  <si>
    <t>Výmena optického detektoru série 2000 v prípade potreby – DIA</t>
  </si>
  <si>
    <t>Výmena základne (pätice) pre detektory série 2000 v prípade potreby – Budova VUSCH</t>
  </si>
  <si>
    <t>Výmena základne (pätice) pre detektory série 2000 v prípade potreby – DIA</t>
  </si>
  <si>
    <t>Výmena samostatného detektoru oxidu uhoľnatého v prípade potreby – Budova VUSCH</t>
  </si>
  <si>
    <t>Výmena manuálneho tlačidlového hlásiča série 2000 v prípade potreby – Budova VUSCH</t>
  </si>
  <si>
    <t>Výmena manuálneho tlačidlového hlásiča série 2000 v prípade potreby – DIA</t>
  </si>
  <si>
    <t>Vykonávanie opráv - ústredňa FB 2800 v prípade potreby – Budova VUSCH</t>
  </si>
  <si>
    <t>100</t>
  </si>
  <si>
    <t>B.1</t>
  </si>
  <si>
    <t>Opravy, údržba a profylaktika EPS, servisná pohotovosť a skladová pripravenosť</t>
  </si>
  <si>
    <t xml:space="preserve">Zabezpečenie servisnej pohotovosti a skladovej pripravenosti náhradných dielov pre prípadné poruchy a nefunkčnosti systému EPS a náväznosti na ER a Integračný bezpečnostný systém IBS ako neoddeliteľnú časť objektovej požiarnej bezpečnosti v režime 8x5x1 (vysvetlenie viď. A.1 bod 1.1). </t>
  </si>
  <si>
    <t>Vykonávanie nevyhnutných opráv, údržby a profylaktiky systémov EPS rady FP2000, model FB2800 (EPS) a naväzujúcich výstupných signalizácií pre ER, pre vysielanie povelov na požiarne uzávery vzduchotechniky („VZT“) a pre dohľadovú komunikáciu udalostí EPS na IBS VELÍN, ktorý zabezpečuje centralizované a viacúčelové riešenie pre správu zariadení objektovej bezpečnosti v budove.  Kontroly a profylaktické prehliadky EPS budú vykonávané ako mesačné, štvrťročné a ročné.</t>
  </si>
  <si>
    <t>Pri zistení odchýlok od správnej činnosti a porúch na zariadeniach bude vykonaná ich oprava, prečistenie a kontrola. Pri  zariadeniach vykazujúcich nefunkčnosť a nespoľahlivosť  (neodstrániteľné závady a odchýlky v ich činnosti), bude navrhnutá ich výmena za nové zariadenie. Táto výmena je bezplatná a je súčasťou paušálnej platby. Záruka a bezplatná výmena vadných častí sa nevzťahuje na mechanické poškodenie zariadení alebo kabeláže zavinené treťou stranou a na poškodenie živelnou udalosťou (príklad ako v A.1 bod 1.9).</t>
  </si>
  <si>
    <t>B.2</t>
  </si>
  <si>
    <t>Mesačná kontrola EPS</t>
  </si>
  <si>
    <t>2.1</t>
  </si>
  <si>
    <t>Mesačná kontrola EPS zahŕňa kontrolu stavu spojov batérie a jej upevnenia, kontrolu výstupov na ovládanie požiarnotechnických zariadení a zariadení zobrazujúcich jednotlivé stavy, aktiváciu jedného hlásiča (každý mesiac z inej zóny), aktiváciu linky na prenos signálu do miesta s trvalou obsluhou na IBS.</t>
  </si>
  <si>
    <t>2.2</t>
  </si>
  <si>
    <t xml:space="preserve">Výsledkom mesačnej kontroly je „Zápis do knihy prevádzky EPS“, ktorého súčasťou je potvrdenie o vykonaní kontroly oprávnenou osobou a podpis. </t>
  </si>
  <si>
    <t>B.3</t>
  </si>
  <si>
    <t>Štvrťročná kontrola a profylaktická prehliadka EPS - 4x ročne - jar, leto, jeseň, zima</t>
  </si>
  <si>
    <t>3.1</t>
  </si>
  <si>
    <t>Profylaktická prehliadka zariadení EPS  4x ročne – jar, leto, jeseň, zima, pričom jarná prehliadka bude vykonaná ako ročná kontrola a o jej  vykonaní bude vypracované potvrdenie o vykonaní ročnej kontroly spolu s vypracovaním opakovanej revíznej správy zariadenia EPS, vyplývajúcej z Vyhlášky č.726/2002 Z.z. v znení neskorších predpisov.  Štvrťočná pravidelná kontrola a revízia EPS je súčasťou paušálnej platby v zmysle týchto zmluvných podmienok.</t>
  </si>
  <si>
    <t>3.2</t>
  </si>
  <si>
    <t xml:space="preserve">Štvrťročná kontrola systému EPS zahŕňa: </t>
  </si>
  <si>
    <t>B.4</t>
  </si>
  <si>
    <t xml:space="preserve">Ročná kontrola systému EPS  zahŕňa aj mesačnú aj štvrťročnú kontrolu v sledovanom období </t>
  </si>
  <si>
    <t>4.1</t>
  </si>
  <si>
    <t>Ročná kontrola systému EPS zahŕňa:</t>
  </si>
  <si>
    <t>4.2</t>
  </si>
  <si>
    <t>Kontrolu hlásičov požiaru - funkčných parametrov, vizuálnu a mechanickú kontrolu pätice vrátane vyčistenia, vizuálnu a mechanickú kontrolu senzora hlásiča vrátane vyčistenia.</t>
  </si>
  <si>
    <t>4.3</t>
  </si>
  <si>
    <t xml:space="preserve">Výsledkom ročnej kontroly je „Správa o odbornej prehliadke a odbornej skúške elektrického zariadenia EPS v zmysle v zmysle STN 33 1500, STN 332000-6, STN 342710, vyhlášky 508/2009 a vyhlášky 726/2002 Z.z.“, ktorej súčasťou je záverečné rozhodnutie že zariadenie EPS je prevádzkovo spoľahlivé a bezpečné a podpis s pečiatkou osoby oprávnenej – elektrotechnik špecialista </t>
  </si>
  <si>
    <t>C. EVAKUAČNÝ ROZHLAS, DOMÁCI ROZHLAS (ER)</t>
  </si>
  <si>
    <t>LBB1990/00  Bosch Plena Voice Alarm Systém - Riadiaca jednotka,240W – Budova VUSCH</t>
  </si>
  <si>
    <t>LBB1992/00  Bosch Plena Voice Alarm Systém – Smerovač – Budova VUSCH</t>
  </si>
  <si>
    <t>LBB1992/00  Bosch Plena Voice Alarm Systém – Smerovač – DIA</t>
  </si>
  <si>
    <t>LBB1938/00  Bosch Plena booster zosilovač 480W – Budova VUSCH</t>
  </si>
  <si>
    <t>LBB1938/00  Bosch Plena booster zosilovač 480W – DIA</t>
  </si>
  <si>
    <t>LBB1956/00  Bosch Plena Voice Alarm Systém - Stanica hlásateľa  - Budova VUSCH</t>
  </si>
  <si>
    <t>LBB1957/00  Bosch Plena Voice Alarm Systém - Klávesnica stanice hlásateľa – Budova VUSCH</t>
  </si>
  <si>
    <t>LBB1961/00  Bosch Plena CD MP3 prehrávač / tuner  - Budova VUSCH</t>
  </si>
  <si>
    <t>LBB1968/00  Bosch Plena Potlačovač spätnej väzby   -  Budova VUSCH</t>
  </si>
  <si>
    <t>Bosch Plena Voice Alarm - doska dohľadu – DIA</t>
  </si>
  <si>
    <t>Nabíjač akumulátorov pre syst. ozvučenia a evak. rozhlasu, 24V – DIA</t>
  </si>
  <si>
    <t>Aku batérie 12V/88Ah CSB bat. bezúdržbové akumulátory pre ER – DIA</t>
  </si>
  <si>
    <t>LBC3011/41  Panelový reproduktor 6W, EVAC – Budova VUSCH</t>
  </si>
  <si>
    <t>28</t>
  </si>
  <si>
    <t>LBC3018/01  Skrinkový reproduktor, 6W, kovová biela skrinka – DIA</t>
  </si>
  <si>
    <t>9</t>
  </si>
  <si>
    <t>LBC3087/41  Bosch Stropný reproduktor 9/6W, EVAC, guľatá mriežka – Budova VUSCH</t>
  </si>
  <si>
    <t>72</t>
  </si>
  <si>
    <t>LBC3086/41  Bosch Stropný reproduktor 9/6W, EVAC, guľatá mriežka – DIA</t>
  </si>
  <si>
    <t>70</t>
  </si>
  <si>
    <t>LH1-10M10E  Tlakový reproduktor 10W  -  DIA</t>
  </si>
  <si>
    <t>Mesačná profylaktická prehliadka systému ER – Budova VUSCH +  DIA (v zmysle popisu C.1 bodu 1.4 – 1.6  FŠPZ)</t>
  </si>
  <si>
    <t>Štvrťročná profylaktická kontrola systému ER – Budova VUSCH +  DIA /  v zmysle popisu C.1 bodu 1.4 – 1.6  FŠPZ)</t>
  </si>
  <si>
    <t>Ročná profylaktická kontrola systému EK  -  Budova VUSCH +  DIA  (v zmysle popisu C.1 bodu 1.4 – 1.6  FŠPZ)</t>
  </si>
  <si>
    <t>Výmena riadiacej jednotky v prípade potreby – Budova VUSCH</t>
  </si>
  <si>
    <t>Výmena riadiacej jednotky v prípade potreby – DIA</t>
  </si>
  <si>
    <t>Výmena  smerovača v prípade potreby – Budova VUSCH</t>
  </si>
  <si>
    <t>Výmena  smerovača v prípade potreby – DIA</t>
  </si>
  <si>
    <t>Výmena  booster zosilovača 480W v prípade potreby – Budova VUSCH</t>
  </si>
  <si>
    <t>Výmena  booster zosilovača 480W v prípade potreby – DIA</t>
  </si>
  <si>
    <t>Výmena  stanice hlásateľa v prípade potreby  -  Budova VUSCH</t>
  </si>
  <si>
    <t>Výmena  klávesnice stanice hlásateľa v prípade potreby  - Budova VUSCH</t>
  </si>
  <si>
    <t>Výmena  CD MP3 prehrávača / tunera v prípade potreby – Budova VUSCH</t>
  </si>
  <si>
    <t>Výmena  panelového reproduktora v prípade potreby  – Budova VUSCH</t>
  </si>
  <si>
    <t>Výmena  panelového reproduktora v prípade potreby – DIA</t>
  </si>
  <si>
    <t>Výmena  stropného reproduktora v prípade potreby – Budova VUSCH</t>
  </si>
  <si>
    <t>Výmena  stropného reproduktora v prípade potreby – DIA</t>
  </si>
  <si>
    <t>Vykonávanie opráv systému evakuačného rozhlasu v prípade potreby - Budova VUSCH</t>
  </si>
  <si>
    <t>60</t>
  </si>
  <si>
    <t>Vykonávanie opráv systému evakuačného rozhlasu v prípade potreby –  DIA</t>
  </si>
  <si>
    <t>50</t>
  </si>
  <si>
    <t>C.1</t>
  </si>
  <si>
    <t>Opravy, údržba a profylaktika ER, servisná pohotovosť a skladová pripravenosť</t>
  </si>
  <si>
    <r>
      <t>Zabezpečenie servisnej pohotovosti a skladovej pripravenosti náhradných dielov pre prípadné poruchy a nefunkčnosti Evakuačného rozhlasu BOSCH („ER“) ako neoddeliteľnej časti objektovej požiarnej bezpečnosti v režime 8x5x1   (vysvetlenie viď. A.1 bod 1.1).</t>
    </r>
    <r>
      <rPr>
        <sz val="10"/>
        <color rgb="FFFF0000"/>
        <rFont val="Arial"/>
        <family val="2"/>
        <charset val="238"/>
      </rPr>
      <t xml:space="preserve"> </t>
    </r>
  </si>
  <si>
    <t>Vykonávanie nevyhnutných opráv, údržby a profylaktiky systému ER a naväzujúcich komponentov, ktoré zabezpečujú hlásenie pokynov na evakuáciu budovy v prípade požiaru hláseného ústredňou EPS a  potvrdeného službukonajúcim pracovníkom z miesta trvalej obsluhy (Velín).  Kontroly a profylaktické prehliadky ER  budú vykonávané ako mesačné, štvrťročné a ročné.</t>
  </si>
  <si>
    <t>Pri zistení odchýlok od správnej činnosti a porúch na zariadeniach ER  bude vykonaná ich kontrola a oprava. Pri zariadeniach vykazujúcich nefunkčnosť a nespoľahlivosť  (neodstrániteľné závady a odchýlky v ich činnosti), bude navrhnutá ich oprava alebo výmena za nové zariadenie. Táto výmena je bezplatná a je súčasťou paušálnej platby.  Záruka a bezplatná výmena vadných častí sa nevzťahuje –  na mechanické poškodenie zariadení alebo kabeláže zavinené treťou stranou a na poškodenie živelnou udalosťou (príklad ako v A.1 bod 1.9).</t>
  </si>
  <si>
    <t>Profylaktická prehliadka zariadenia ER mesačne a štvrťročne (jar, leto, jeseň, zima), pričom jarná štvrťročná kontrola bude vykonaná ako ročná profylaktická prehliadka. Kontroly a prehliadky ER budú vykonané v súčinnosti s termínmi vykonania pravidelnej mesačnej, štvrťročnej alebo ročnej kontroly EPS z dôvodu náväznosti jednotlivých procesov testovania EPS, ER a IBS pri vykonávaní funkčných skúšok ako súčasť profylaktickej prehliadky a kontroly. Po ukončení ročnej periodickej kontroly a revízie bude vypracované potvrdenie o vykonaní kontroly spolu s vypracovaním správy o odbornej prehliadke a skúške (OPaS) elektrického zariadenia Evakuačného rozhlasu ER (Domáci rozhlas), podľa STN 33 1500, STN 33-20006-61 a STN 34 2710 a vyhlášky  508/2009 Z.z..</t>
  </si>
  <si>
    <t xml:space="preserve">Súčasťou profylaktickej prehliadky je vykonanie kontroly kabelážneho systému ER, hlavne vertikálne a horizontálne prestupy kabeláže, prepojenie riadiacich modulov ER s ústredňami a tablom EPS, ich napojenie na IBS, kontrola funkčnosti všetkých mikrofónov a riadiacich pultov pre voľbu príslušnej zóny hlásenia. </t>
  </si>
  <si>
    <t xml:space="preserve">Výsledkom ročnej kontroly je „Správa o odbornej prehliadke a odbornej skúške elektrického zariadenia ER v zmysle v zmysle STN 33 1500, v zmysle STN 33 1500, STN 332000-6 a vyhlášky  508/2009 Z.z.“,ktorej súčasťou je záverečné rozhodnutie že zariadenie ER je prevádzkovo spoľahlivé a bezpečné a podpis s pečiatkou osoby oprávnenej – elektrotechnik špecialista </t>
  </si>
  <si>
    <t>Termín profylaktickej prehliadky zariadenia ER bude dohodnutý zmluvnými stranami minimálne 7 dní vopred a bude vykonaný v súčinnosti s pravidelnou prehliadkou zariadenia EPS.</t>
  </si>
  <si>
    <t>D. ELEKTRICKÁ ZABEZPEČOVACIA SIGNALIZÁCIA (EZS)</t>
  </si>
  <si>
    <t>ATS4599 - Ústredňa PSN, IP: 10.10.106.31, MAC: 00-B0-19-80-05-90, č.m. 1.64 – Bud. VUSCH</t>
  </si>
  <si>
    <t>ATS4599 - Ústredňa PSN, IP: 10.10.106.32, MAC: 00-B0-19-80-92-78, č.m. 1.64 – Bud. VUSCH</t>
  </si>
  <si>
    <t>ATS4599 - Ústredňa PSN, IP: 10.10.106.33, MAC: 00-B0-19-80-CF-7F, č.m. 2.20 – Bud. VUSCH</t>
  </si>
  <si>
    <t>ATS4599 - Ústredňa PSN, IP: 10.10.106.34, MAC: 00-B0-19-80-D2-49, č.m. 3.105 – Bud. VUSCH</t>
  </si>
  <si>
    <t>ATS4599 - Ústredňa PSN, IP: 10.10.106.35, MAC: 00-B0-19-80-D0-CF, č.m. 5.44 – Bud. VUSCH</t>
  </si>
  <si>
    <t>ATS4599 - Ústredňa PSN, IP: 10.10.106.35, MAC: , č.m. 2.30A –  DIA</t>
  </si>
  <si>
    <t>ATS4599 - Ústredňa PSN, IP: 10.10.106.35, MAC: , č.m. 2.30A –DIA</t>
  </si>
  <si>
    <t>ATS2099 - Ústredňa PSN, IP: 10.10.106.37, MAC: 00-B0-19-80-FD-92, č.m. 5.44  - Bud. VUSCH</t>
  </si>
  <si>
    <t>ATS1115 - LCD klávesnica – hlavná budova – Budova VUSCH</t>
  </si>
  <si>
    <t>ATS1115 - LCD klávesnica – hlavná budova – DIA</t>
  </si>
  <si>
    <t>ATS1210 -  Externý expander 8 vstupov (plastový kryt), 8(16) výstupov  - DIA</t>
  </si>
  <si>
    <t>EV100 - PIR detector – Budova VUSCH</t>
  </si>
  <si>
    <t>106</t>
  </si>
  <si>
    <t>VE1012 - Vektorový PIR detektor (9 záclon) – DIA</t>
  </si>
  <si>
    <t>48</t>
  </si>
  <si>
    <t>5815NT-ART Akustický detektor rozbitia skla – Budova VUSCH</t>
  </si>
  <si>
    <t>1450 - Detektor zaplavenia – Budova VUSCH</t>
  </si>
  <si>
    <t>3045-W - Tiesňové tlačítko – Budova VUSCH</t>
  </si>
  <si>
    <t>13</t>
  </si>
  <si>
    <t>3045-W - Tiesňové tlačítko – DIA</t>
  </si>
  <si>
    <t>Výťahový kontrolér, m.č. 6.95 – Budova VUSCH</t>
  </si>
  <si>
    <t>Výťahový kontrolér, m.č. 6.94 – Budova VUSCH</t>
  </si>
  <si>
    <t>Výťahový kontrolér, m.č. 6.21 – Budova VUSCH</t>
  </si>
  <si>
    <t>Výťahový kontrolér, m.č. 6.20 – Budova VUSCH</t>
  </si>
  <si>
    <t>Výťahový kontrolér, m.č. 4.09 chodba 4NP – DIA</t>
  </si>
  <si>
    <t>Štvrťročná profylaktická kontrola systému EPS  – Budova VUSCH +  DIA  (v zmysle popisu D.1 bodu 1.2-  1.5  FŠPZ)</t>
  </si>
  <si>
    <t>D.1</t>
  </si>
  <si>
    <t>Opravy, údržba a profylaktika EZS, servisná pohotovosť a skladová pripravenosť</t>
  </si>
  <si>
    <t xml:space="preserve">Zabezpečenie servisnej pohotovosti a skladovej pripravenosti náhradných dielov pre prípadné poruchy a nefunkčnosti systému EZS a náväzností na IBS ako neoddeliteľnú časť objektovej bezpečnosti v režime 8x5x4 (vysvetlenie viď. A.1 bod 1.1). </t>
  </si>
  <si>
    <t xml:space="preserve">Vykonávanie nevyhnutných opráv, údržby a profylaktiky systémov EZS  rady ARITECH  a naväzujúcich výstupných signalizácií pre dohľadovú komunikáciu udalostí a poplachov EZS na IBS VELÍN, ktorý zabezpečuje centralizované a viacúčelové riešenie pre správu zariadení objektovej bezpečnosti v budove.  Kontroly a profylaktické prehliadky EZS budú vykonávané dvakrát ročne ako jarná a jesenná profylaktika. Jarná prehliadka bude vykonaná ako periodická kontrola a revízia a o jej vykonaní bude vypracované potvrdenie o vykonaní kontroly spolu s vypracovaním správy o odbornej prehliadke a skúške (OPaS) elektrického zariadenia EZS, podľa STN 33 1500, STN 33-20006-61 a STN 34 2710. Táto odborná prehliadka zahrňuje aj komponenty Prístupového systému, ktoré sú napojené na ústredne EZS. </t>
  </si>
  <si>
    <t xml:space="preserve">Počas profylaktickej prehliadky budú vykonané kontroly kabelážneho systému EZS, hlavne vertikálne a horizontálne prestupy kabeláže, prepojenie ústrední zabezpečovacieho systému EZS, ich napojenie na monitorovací systém Velín, kontrola PIR detektorov pohybu, tiesňových tlačidiel pre núdzové hlásenie narušenia, LCD klávesníc a detektorov zaplavenia, ktoré štatisticky v sledovanom období vykazovali odchýlky a nesprávnu činnosť. </t>
  </si>
  <si>
    <t>Pri zistení odchýlok od správnej činnosti a porúch na zariadeniach bude vykonaná ich oprava, prečistenie a kontrola. Pri  zariadeniach vykazujúcich nefunkčnosť a nespoľahlivosť  (neodstrániteľné závady a odchýlky v ich činnosti, napríklad zatečenie PIR detektorov vodou, mechanické poškodenie, elektrické poškodenie prepätím, napr. po zásahu bleskom), bude navrhnutá ich výmena za nové zariadenie. Takáto oprava alebo výmena zariadení bude vykonaná bezplatne ako súčasť paušálnej platby. Záruka a bezplatná výmena vadných častí sa nevzťahuje na mechanické poškodenie zariadení alebo kabeláže zavinené treťou stranou a na poškodenie živelnou udalosťou (príklad ako v A.1 bod 1.9).</t>
  </si>
  <si>
    <t xml:space="preserve">Súčasťou profylaktickej prehliadky bude kontrola záložných batérií a zdrojov UPS ktoré zálohujú činnosť ústrední EZS a v prípade potreby bude doporučená výmena batérií. Výmena batérií je bezplatná a je zahrnutá do paušálnej platby. </t>
  </si>
  <si>
    <t xml:space="preserve">Termín profylaktickej prehliadky bude dohodnutý zmluvnými stranami minimálne 7 dní vopred. </t>
  </si>
  <si>
    <t>Havarijný servis a opravy EZS pri jeho nesprávnej funkcii, poruche systému, alebo jeho jednotlivých častí, budú riešené po nahlásení objednávateľom. Oprava prerušených trás, zavinená treťou osobou bude fakturovaná samostatnou faktúrou na základe objednávky prevádzkovateľa.</t>
  </si>
  <si>
    <t xml:space="preserve">Servisná podpora prevádzkovateľovi systému, dohľadanie a analýza podozrivých či nesprávnych činností častí zariadení a kabelových trás EZS, vykazujúcich nesprávnu funkcionalitu. </t>
  </si>
  <si>
    <t>E. PRÍSTUPOVÝ SYSTÉM PRE RIADENÉ OTVÁRANIE DVERÍ, VÝŤAHOV A ZÁVOR CEZ BEZKONTAKTNÝ ID ČIP („PS“)</t>
  </si>
  <si>
    <t>ATS1192 - Bezkontaktná čítačka inteligentných kariet – Budova VUSCH</t>
  </si>
  <si>
    <t>43</t>
  </si>
  <si>
    <t>ATS1192 - Bezkontaktná čítačka inteligentných kariet – DIA</t>
  </si>
  <si>
    <t>35</t>
  </si>
  <si>
    <t>ATS 125X Inteligentný 4 dverový kontrolér pre Parkovací systém PARKING – Budova VUSCH</t>
  </si>
  <si>
    <t>ELMAG 280 – elektromag. otvárač dv. ID čipom – zadný vstup na operač.sály – Budova VUSCH</t>
  </si>
  <si>
    <t>ELMAG 280 – elektromag. otvárač dv. ID čipom – vstup schodište 2.posch., 3.posch. – DIA</t>
  </si>
  <si>
    <t xml:space="preserve">Elektromechanické zámky na otváranie dverí bezkontaktným čipom: </t>
  </si>
  <si>
    <t>ASSA ABLOY EL460 Elektromechanický zámok  - Budova VUSCH</t>
  </si>
  <si>
    <t>61</t>
  </si>
  <si>
    <t>ASSA ABLOY EL460/EL560 Elektromechanický zámok  - DIA</t>
  </si>
  <si>
    <t>22</t>
  </si>
  <si>
    <t>Štvrťočná profylaktická kontrola systému PS  – Budova VUSCH +  DIA (v zmysle popisu E.1 bodu 1.2 - 1.5 FŠPZ)</t>
  </si>
  <si>
    <t>E.1</t>
  </si>
  <si>
    <t>Opravy, údržba a profylaktika PS, servisná pohotovosť a skladová pripravenosť</t>
  </si>
  <si>
    <t>Zabezpečenie servisnej pohotovosti a skladovej pripravenosti náhradných dielov pre prípadné poruchy a nefunkčnosti systému PS a náväzností na IBS  ako neoddeliteľnú časť objektovej bezpečnosti v režime 8x5x4 (vysvetlenie viď. A.1 bod 1.1).</t>
  </si>
  <si>
    <t xml:space="preserve">Prístupový systém (PS) je nadstavbou EZS, preto periodická kontrola a revízia bude zahrnutá v Správe o odbornej prehliadke a skúške (OPaS) elektrického zariadenia EZS (bližšie viď. D.1 bod 1.2). </t>
  </si>
  <si>
    <t>Profylaktická prehliadka zariadení PS:  4x ročne. Počas profylaktickej prehliadky budú vykonané kontroly kabelážneho systému PS, hlavne vertikálne a horizontálne prestupy kabeláže, prepojenie riadiacich dverných modulov, výťahových kontrolérov, ich napojenie na IBS Velín, kontrola činnosti funkcie „Dvere príliš dlho otvorené“, kontrola elektromechanických a elektromotorických zámkov a ich súčastí, ktoré štatisticky v sledovanom období vykazovali odchýlky a nesprávnu činnosť. Pri zistení odchýlok od správnej činnosti a porúch na zariadeniach bude vykonaná ich oprava a prečistenie. Pri zariadeniach, vykazujúcich nefunkčnosť a nespoľahlivosť pre neodstrániteľné závady a odchýlky v činnosti, bude navrhnutá ich výmena za nové zariadenia. Táto výmena je bezplatná a je súčasťou paušálnej platby. Záruka a bezplatná výmena vadných častí sa nevzťahuje na mechanické poškodenie zariadení alebo kabeláže zavinené treťou stranou a na poškodenie živelnou udalosťou (príklad ako v A.1 bod 1.9).</t>
  </si>
  <si>
    <t xml:space="preserve">Súčasťou profylaktickej prehliadky bude kontrola činnosti záložných batérií a zdrojov UPS a v prípade potreby bude doporučená výmena batérií. Výmena batérií je zahrnutá do paušálnej platby. </t>
  </si>
  <si>
    <t>Havarijný servis a opravy PS pri nesprávnej funkcii, poruche systému, alebo jeho jednotlivých častí, budú riešené po nahlásení objednávateľom. Pri zistení prerušených trás kabeláže PS, mechanickom alebo elektrickom poškodení elektromechanických a elektromotorických zámkov, bude doporučená ich výmena alebo oprava u výrobcu alebo distribútora. Takáto oprava alebo výmena zariadení bude vykonaná bezplatne ako súčasť paušálnej platby. Záruka a bezplatná výmena vadných častí sa nevzťahuje na mechanické poškodenie zariadení alebo kabeláže zavinené treťou stranou a na poškodenie živelnou udalosťou (príklad ako v A.1 bod 1.9).</t>
  </si>
  <si>
    <t xml:space="preserve">Servisná podpora prevádzkovateľovi systému, dohľadanie a analýza podozrivých či nesprávnych činností častí zariadení a kábelových trás PS, vykazujúcich nesprávnu funkcionalitu. </t>
  </si>
  <si>
    <t xml:space="preserve">F. PARKOVACÍ SYSTÉM (PARKING, AUTOMATICKÉ ZÁVORY AZ HARMONY </t>
  </si>
  <si>
    <t>AZ10211 ultrarýchla automatická závora, Sínusový pohon,doba zdvihu 1 sec. Ľavá</t>
  </si>
  <si>
    <t>AZ10211R ultrarýchla automatická závora, Sínusový pohon,doba zdvihu 1 sec. Pravá</t>
  </si>
  <si>
    <t xml:space="preserve">ARH300 Al rameno ploché biele dĺžka 3m, ochranná PU lišta, reflexné nálepky </t>
  </si>
  <si>
    <t>TD300 TCP/IP vjazdový terminál s vydávačom lístkov a čítačkou ID čipov, 2 nezávislé vydávače</t>
  </si>
  <si>
    <t>VD108 Indukčný detektor vozidiel jednokanálový - montáž do pätice</t>
  </si>
  <si>
    <t>PR_O_VD108 Indukčný detektor – 1-kanál., relé s bezpotenciálovým spínacím kontaktom</t>
  </si>
  <si>
    <t>DN2102 Dopravné LED návestidlo 2 komorové 2 x 100 mm ( zelená červená )</t>
  </si>
  <si>
    <t>TC300 TCP/IP výjazdový terminál so skenerom pre čítanie lístkov a otváranie výst. Závory</t>
  </si>
  <si>
    <t>OS_“U“ Ochranný stĺp tvaru "U" proti poškodeniu terminálov vstup/výstup nárazom</t>
  </si>
  <si>
    <t>IP kamera pre sken EČV, automatického zaostrovania, iris, IR pass filter,  prisvietenia, B&amp;W progressive scan CMOS, 1/3" sensor, 2Mpx, IR prisvietenie, 12V DC, konzola kamery antivandal</t>
  </si>
  <si>
    <t>DS210_S Riadiaci server, vrátane operačného systému a licencovaných SW produktov</t>
  </si>
  <si>
    <t>DS210 Manažérsky validačný počítač, vrátane OS a licencovaných SW produktov</t>
  </si>
  <si>
    <t>Scan003 Ručný laserový scanner pre čítanie lístkov/kariet s čiarovým kódom</t>
  </si>
  <si>
    <t>MPOS-Go POS CAT 2 platobný terminál pre bezhotovostné platby + GoPass</t>
  </si>
  <si>
    <t xml:space="preserve">AZ440 Automatická závora pri DFN, doba otv. 4 sec.na diaľkové ovládanie </t>
  </si>
  <si>
    <t>ARO500 Al rameno ploché biele GEN dĺžka 5m, ochranná PU lišta, reflexné nálepky</t>
  </si>
  <si>
    <t xml:space="preserve">AZ Harmony Automatická závora 6m na ovládanie ID čipom pri kyslíkovej stanici </t>
  </si>
  <si>
    <t>ARH600 Al rameno ploché biele dĺžka 6m, ochranná PU lišta, reflexné nálepky</t>
  </si>
  <si>
    <t>AZ Harmony Automatická závora 6m na diaľkové ovl. + ovl. ID čipom pri lekárni</t>
  </si>
  <si>
    <t>Štvrťročná profylaktická kontrola Parkovacieho systému - (4x ročne)</t>
  </si>
  <si>
    <t>Premazanie a vyčistenie všetkých pohyblivých častí systému 1x za štvrťrok</t>
  </si>
  <si>
    <t>Update a upgrade potrebných sw súčastí systému podľa potreby a dostupnosti</t>
  </si>
  <si>
    <t>F.1</t>
  </si>
  <si>
    <t>Opravy, údržba a profylaktika Parkovacieho systému, servisná pohotovosť a skladová pripravenosť</t>
  </si>
  <si>
    <t>Zabezpečenie servisnej pohotovosti a skladovej pripravenosti náhradných dielov pre prípadné poruchy a nefunkčnosti systému PARKING a náväzností na Integračný bezpečnostný systém (IBS VUSCH, a.s.) ako neoddeliteľná časť komunikácie pre ovládanie závor cez bezkontaktný ID čip v režime 8x5x4 (Pohotovosť 8 hodín, 5 dní v týždni, s reakčnou dobou fyzického nástupu na odstránenie poruchy 4 hodiny od nahlásenia poruchy).</t>
  </si>
  <si>
    <t>Vykonávanie nevyhnutných opráv, údržby a profylaktiky systémov Parkovacieho systému PARKING a naväzujúcich výstupných signalizácií pre dohľadovú komunikáciu udalostí, ktorý zabezpečuje overovanie oprávnení na otvorenie závory pre konrétny ID čip. Kontroly a profylaktické prehliadky systému PARKING budú vykonávané dvakrát ročne ako jarná a jesenná profylaktika. Po jej vykonaní sa požaduje vypracovať potvrdenie o kontrole.</t>
  </si>
  <si>
    <t>Počas profylaktickej prehliadky zariadení Parking budú vykonané kontroly, nastavenia a upgrade firmvéru centrálneho počítača, kontrola funkcionality zbernice, audio hlások pre komunikáciu s recepciou a Velínom, kontroly kabelážneho systému bernice, na ktorú sú pripojené stojany závor a parkovací automat PayStation, hlavne vertikálne a horizontálne prestupy kabeláže, ich napojenie na validačný počítač, umiestnený na recepcii VUSCH. Požaduje sa vykonať kontrolu neporušenosti databázy a prípadný upgrade firmvéru podľa doporučení výrobcu. Súčasťou prehliadky bude aj kontrola rampy parkoviska VUSCH pri DFN, rampy parkoviska pri lekárni VUSCH a rampy parkoviska pri kyslíkovej stanici VUSCH, a.s.</t>
  </si>
  <si>
    <t xml:space="preserve">V prípade zistenia odchýlok od správnej činnosti a porúch na zariadeniach bude vykonaná ich oprava a prečistenie. Pri zariadeniach, vykazujúcich nefunkčnosť a nespoľahlivosť pre neodstrániteľné závady a odchýlky v činnosti bude vykonaná ich výmena za nové zariadenia. Táto výmena je súčasťou paušálnej platby okrem porúch a poškodení ktoré boli zavinené prepätím v napájacej sieti 230/400V alebo mechanickým poškodením či vandalizmom.. </t>
  </si>
  <si>
    <t>Požaduje sa, aby súčasťou profylaktickej prehliadky bola kontrola činnosti záložných batérií a zdrojov UPS a v prípade potreby zabezpečiť ich výmenu za nové batérie. Výmena batérií je zahrnutá do paušálnej platby.</t>
  </si>
  <si>
    <t>Termín profylaktickej prehliadky bude dohodnutý zmluvnými stranami minimálne 7 dní vopred.</t>
  </si>
  <si>
    <t>Havarijný servis a opravy Parkovacieho systému PARKING pri nesprávnej funkcii, poruche systému, alebo jeho jednotlivých častí, budú riešené po nahlásení objednávateľom. V prípade zistení prerušených trás kabeláže Park.systému, mechanickom alebo elektrickom poškodení elektromechanických a elektronických komponentov bude zabezpečená ich výmena alebo oprava u výrobcu alebo distribútora. Takáto oprava alebo výmena zariadení bude vykonaná bezplatne ako súčasť paušálnej platby. Záruka a bezplatná výmena vadných častí sa nevzťahuje na mechanické poškodenie zariadení alebo kabeláže zavinené treťou stranou a na poškodenie živelnou udalosťou (napr. po zásahu objektu bleskom, prepätím alebo zatopením či zatečením komponentov).</t>
  </si>
  <si>
    <t>Požaduje sa servisná podpora prevádzkovateľovi systému, vyhľadávanie a analýza podozrivých či nesprávnych činností častí zariadení a kábelových trás PS, vykazujúcich nesprávnu funkcionalitu.</t>
  </si>
  <si>
    <t>G. UZAVRETÝ KAMEROVÝ SYSTÉM PRIEMYSELNEJ TELEVÍZIE AKO SÚČASŤ OBJEKTOVEJ BEZPEČNOSTI („CCTV“)</t>
  </si>
  <si>
    <t>XP4 Farebná Kamera s vonkajším krytom a 1,3 Mpx obj. 5-50mm – Budova VUSCH</t>
  </si>
  <si>
    <t>Svetlo halogénové s pohybovým senzorom - chodba na dvor pri recepcii – Budova VUSCH</t>
  </si>
  <si>
    <t>HAC-HFW2220RP-Z HDCVI kompaktná kamera – Budova VUSCH</t>
  </si>
  <si>
    <t>HFW2231RP-ZS-IRE6 2 Mpx kompaktná IP kamera – Budova VUSCH</t>
  </si>
  <si>
    <t>Kamera SIR-4260VP,VCIF07PEX vonkajšia (ps) – Budova VUSCH</t>
  </si>
  <si>
    <t>Kamera SCB-3020P,VCBF314PEX (ps) – Budova VUSCH</t>
  </si>
  <si>
    <t>HAC-HDBW2220RP-Z Dome kamera – Budova VUSCH</t>
  </si>
  <si>
    <t>IP PTZ otočná kamera, 4 Mpx, exteriérová, deň/ noc, IR (nad CP) – Budova VUSCH</t>
  </si>
  <si>
    <t>IP PTZ otočná kamera, 4 Mpx, exteriérová, deň/ noc, IR (nad vst.pri recepcii) – Budova VUSCH</t>
  </si>
  <si>
    <t>HFW5231EP-ZE-27135 2 Mpx kompaktná IP kamera – Budova VUSCH</t>
  </si>
  <si>
    <t>HFW5231EP-Z5E-0735 2 Mpx kompaktná IP kamera – Budova VUSCH</t>
  </si>
  <si>
    <t>HFW2221RP-ZS-IRE6 2 Mpx kompaktná IP kamera – Budova VUSCH</t>
  </si>
  <si>
    <t>11</t>
  </si>
  <si>
    <t>HFW2231TP-ZS-27135 2 Mpx kompaktná IP kamera – Budova VUSCH</t>
  </si>
  <si>
    <t>HAC-HFW3231EP-Z12 2 Mpx HDCVI kompakt.Starlight kam.2 Mpx (sanitky) – Budova VUSCH</t>
  </si>
  <si>
    <t>IPC-HFW5431EP-Z-S2 4 Mpx kompaktná kamera IP exteriérová, Day/Night – DIA</t>
  </si>
  <si>
    <t>IPC-HDBW5231RP-Z-S2 2 Mpx (Full HD) dome Starlight kamera IP exteriér – DIA</t>
  </si>
  <si>
    <t>18</t>
  </si>
  <si>
    <t>IPC-HFW5231EP-Z-S2 2 Mpx (Full HD) Starlight kompakt kamera IP exteriér – DIA</t>
  </si>
  <si>
    <t>IPC-HFW4231EP-S-0360B-S2 2 Mpx kompaktná Starlight kamera IP exteriér – DIA</t>
  </si>
  <si>
    <t>SD59430U-HNI 4 Mpx PTZ IP kamera   – DIA</t>
  </si>
  <si>
    <t>IPC-HDBW2231R-ZS-27135 - 2 Mpx (Full HD) Starlight dome IP kamera, exteriérová</t>
  </si>
  <si>
    <t>IPC-HFW5241E IP kamera 2 Mpx (Full HD) Starlight kompaktná, exteriérová - pri kyslík.stanici</t>
  </si>
  <si>
    <t>HFW5541 IP kamera  – 5Mpx kompaktná IP kamera, WDR – hl.vstup recepcia</t>
  </si>
  <si>
    <t>NVR5816-16P-4KS2 IP záznamové zariadenie 4K (NVR1) – Budova VUSCH (Velín)</t>
  </si>
  <si>
    <t>NVR5816-16P-4KS2 IP záznamové zariadenie 4K – (NVR2) – Budova VUSCH (Velín)</t>
  </si>
  <si>
    <t>XVR5216AN-X 16x HDCVI/AHD/TVI/PAL do 2Mpx/15fps, 8x IP do 6Mpx (NVR3) – VUSCH (Velín)</t>
  </si>
  <si>
    <t>XVR5216AN-I3 16x HDCVI/AHD/TVI/PAL do 2Mpx/15fps, 8x IP do 6Mpx  (NVR4) – (Velín)</t>
  </si>
  <si>
    <t>NVR608-32-4KS2 IP sieťový 32-kanál. 4K (NVR5)  -  pre budovu DIA, umiestnené vo Velíne</t>
  </si>
  <si>
    <t>8-port 10/100/1000 Gigabit Switch with WebView, Power PoE, SNMP – Budova VUSCH</t>
  </si>
  <si>
    <t>SWITCH CISCO SRW2024P-K9-EU WS-C3560V2-48PS-S PoE – budova DIA</t>
  </si>
  <si>
    <t xml:space="preserve">SWITCH CISCO Linksys SRW2016 SG300-20 18-port Gbit Switch, 2x combo port – budova DIA </t>
  </si>
  <si>
    <t>GE SFP, LC Connector LX/LH transceiver  -  budova DIA</t>
  </si>
  <si>
    <t>GE-TPP016  16-kanálový pasívny vysielač (Hub), prevedenie 1U do racku – Budova VUSCH</t>
  </si>
  <si>
    <t>GE-TTP111VL  1-kanálový pasívny videovysielač, 25 cm mini koax  - Budova VUSCH</t>
  </si>
  <si>
    <t>80</t>
  </si>
  <si>
    <t>Spoločný napájací zdroj stabilizovaný impulzný 13,8V +-1%, 10A, 150W vhodný pre pripojenie k záložným akumulátorom poplachových systémov na hlásenie – Budova VUSCH</t>
  </si>
  <si>
    <t>Spínaný zdroj v kovovom kryte 13,8 Vjs / 10A - DIA</t>
  </si>
  <si>
    <t>Napajací impulzný zdroj v oceľovej skrinke - 24VDC/3A - DIA</t>
  </si>
  <si>
    <t>Bezúdržbový akumulátor 18Ah/12V – hlavná budova</t>
  </si>
  <si>
    <t>Bezúdržbový akumulátor 7,2Ah/12V – DIA</t>
  </si>
  <si>
    <t>Bezúdržbový akumulátor 18Ah/12V – DIA</t>
  </si>
  <si>
    <t>Záložný zdroj 2000 XP Pro RM  Záložný zdroj s LCD displ. mont.do racku – Budova VUSCH</t>
  </si>
  <si>
    <t>Záložný zdroj 3000XP Pro RM – Budova VUSCH</t>
  </si>
  <si>
    <t>LV-19ECO 19" TFT LCD, NTSC/PAL, 500 TVL, VGA/Kompozitný vstup – Budova VUSCH</t>
  </si>
  <si>
    <t>SMT-1922P 230V AC Monitor Samsung, kompozitný vstup – Budova VUSCH</t>
  </si>
  <si>
    <t>Monitor 19" LCD, VGA, HDMI, BNC, Audio, 1280x1024  -  DIA</t>
  </si>
  <si>
    <t>Polročná profylaktická kontrola systému CCTV– Budova VUSCH +  DIA (v zmysle popisu F.2 bodu 2.1-  2.3 FŠPZ)</t>
  </si>
  <si>
    <t>Výmena kamery v prípade potreby – Budova VUSCH</t>
  </si>
  <si>
    <t>Výmena kamery v prípade potreby –DIA</t>
  </si>
  <si>
    <t>Výmena nahrávacieho zariadenia DVSR v prípade potreby – Budova VUSCH +  DIA</t>
  </si>
  <si>
    <t>Výmena 1-kanálového pasívneho videovysielača v prípade potreby - hlavná budova</t>
  </si>
  <si>
    <t>Výmena prepojovacích káblov v prípade potreby – Budova VUSCH</t>
  </si>
  <si>
    <t>Výmena náhľadového monitora v prípade potreby – Budova VUSCH</t>
  </si>
  <si>
    <t>Výmena stabilizovaného impulzného zdroja 13,8V/10A – Budova VUSCH</t>
  </si>
  <si>
    <t>Výmena stabilizovaného impulzného zdroja 13,8V/10A – DIA</t>
  </si>
  <si>
    <t>Výmena 8-port.switcha v prípade potreby – Budova VUSCH</t>
  </si>
  <si>
    <t>Výmena bezúdržbového aku 12V/18Ah pre napájací zdroj 13,8V/10A – Budova VUSCH</t>
  </si>
  <si>
    <t>Výmena bezúdržbového aku 12V/7Ah pre UPS zdroj Infosec 2000XP Pro RM – Budova VUSCH</t>
  </si>
  <si>
    <t>Vykonávanie opráv - kamery, nahrávacie zariadenia v prípade potreby – Budova VUSCH</t>
  </si>
  <si>
    <t>Vykonávanie opráv - kamery, nahrávacie zariadenia v prípade potreby – DIA</t>
  </si>
  <si>
    <t>G.1</t>
  </si>
  <si>
    <t>Opravy, údržba a profylaktika CCTV, servisná pohotovosť a skladová pripravenosť</t>
  </si>
  <si>
    <t>Zabezpečenie servisnej pohotovosti a skladovej pripravenosti náhradných dielov pre prípadné poruchy a nefunkčnosti systému CCTV a náväzností na IBS  VUSCH, a.s. ako neoddeliteľnú časť objektovej bezpečnosti v režime 8x5x4 (vysvetlenie viď. A.1 bod 1.1).</t>
  </si>
  <si>
    <t xml:space="preserve">Vykonávanie nevyhnutných opráv, údržby a profylaktiky systémov Uzavretého kamerového systému priemyselnej televízie (CCTV) a naväzujúcich výstupných signalizácií pre dohľadovú komunikáciu udalostí CCTV na IBS VUSCH, a.s., ktorý zabezpečuje centralizované a viacúčelové riešenie pre správu zariadení objektovej bezpečnosti. </t>
  </si>
  <si>
    <t>Pri zistení odchýlok od správnej činnosti a porúch na zariadeniach CCTV alebo pri havarijnom stave týchto zariadení alebo kabelážnych trás, pri mechanickom alebo elektrickom poškodení exteriérových alebo interiérových kamier, DVSR nahrávacích zariadení a pri poruche a nefunkčnosti monitorov bude vykonaná ich oprava, prečistenie a kontrola. Pri  zariadeniach vykazujúcich nefunkčnosť a bude navrhnutá ich výmena za nové zariadenie. Táto výmena je bezplatná a je súčasťou paušálnej platby. Záruka a bezplatná výmena vadných častí sa nevzťahuje na mechanické poškodenie zariadení alebo kabeláže zavinené treťou stranou a na poškodenie živelnou udalosťou (príklad ako v A.1 bod 1.9).</t>
  </si>
  <si>
    <t>G.2</t>
  </si>
  <si>
    <t>Pravidelná kontrola a profylaktická prehliadka CCTV - 2x ročne - jar, jeseň</t>
  </si>
  <si>
    <t>Profylaktická prehliadka zariadení CCTV:  2x ročne (jar, jeseň).  Počas prehliadky budú vykonané kontroly kabelážneho systému CCTV, hlavne vertikálne a horizontálne prestupy kabeláže, prepojenie jednotlivých exteriérových a interiérových kamier s nahrávacími zariadeniami DVSR, kontrola funkcionality nástenných náhľadových monitorov CCTV a vyhradených monitorov pre sledovanie situácie na vstupných a výstupných závorách Parkovacieho systému, prenos signálnych stavov a obrazu pre dohľadovú komunikáciu udalostí CCTV na IBS VUSCH, a.s., ktorý zabezpečuje centralizované a viacúčelové riešenie pre správu zariadení objektovej bezpečnosti v budove. Súčasťou profylaktiky bude kontrola zobrazenia udalostí objektovej bezpečnosti poskytnutej príslušnou kamerovou cez IBS, kontrola prezerania udalostí zo záznamu, kontrola správnosti funkcionality exportu záznamu udalosti z videorekordérov DVSR Uzavretého kamerového systému CCTV.</t>
  </si>
  <si>
    <t>Súčasťou profylaktickej kontroly a prehliadky bude kontrola činnosti záložného napájania vyhradených kamier a nahrávačov DVSR. V prípade zistenia nefunkčnosti zálohovania, alebo stavu, ktorý by v krátkej dobe spôsobil nefunkčnosť zálohovania systémov CCTV bude doporučená výmena záložných komponentov a batérií. Výmena týchto komponentov je bezplatná a je súčasťou paušálnej platby.</t>
  </si>
  <si>
    <t>2.4</t>
  </si>
  <si>
    <t>H. HODINY JEDNOTNÉHO ČASU („HJČ“)</t>
  </si>
  <si>
    <t>53TS basic 230 VAC  Hlavné hodiny MTS, 2 nezávislé oddelené časové kanály, podpora: DCF 77 a GPS, TCP/IP, SNTP – Budova VUSCH +  DIA</t>
  </si>
  <si>
    <t>AD 10  Prijímač rádiosignálu 77,5 kHz  - Budova VUSCH +  DIA</t>
  </si>
  <si>
    <t>DC.57.4.RNN  DC.57.4.R - digitálne interiérové hodiny s výškou číslic 57 mm, štvormiestny formát zobrazenia času (HH:MM), čierna farba rámu hodín, jednostranné – Budova VUSCH</t>
  </si>
  <si>
    <t>16</t>
  </si>
  <si>
    <t>DC.57.4.RNN  DC.57.4.R - digitálne interiérové hodiny s výškou číslic 57 mm, štvormiestny formát zobrazenia času (HH:MM), čierna farba rámu hodín, jednostranné – DIA</t>
  </si>
  <si>
    <t>12</t>
  </si>
  <si>
    <t>DC.57.4.RDSvB  DC.57.4.R - digitálne interiérové hodiny s výškou číslic 57 mm, štvormiestny formát zobrazenia času (HH:MM), čierna farba rámu hodín, dvojstranné – Budova VUSCH</t>
  </si>
  <si>
    <t>DC.57.4.RDSvB  DC.57.4.R - digitálne interiérové hodiny s výškou číslic 57 mm, štvormiestny formát zobrazenia času (HH:MM), čierna farba rámu hodín, dvojstranné – DIA</t>
  </si>
  <si>
    <t>3218.A/ C1  Interiérové nástenné hodiny typ 3218.A, typ číselníka C1, - plastové okrúhle hodiny s Ø číselníka 40 cm s vypuklým akrylátovým krycím sklom – Budova VUSCH</t>
  </si>
  <si>
    <t>32</t>
  </si>
  <si>
    <t>3218.A/ C1  Interiérové nástenné hodiny typ 3218.A, typ číselníka C1, - plastové okrúhle hodiny s Ø číselníka 40 cm s vypuklým akrylátovým krycím sklom – DIA</t>
  </si>
  <si>
    <t>Pravidelná polročná  profylaktická kontrola systému HJČ  – Budova VUSCH +  DIA (v zmysle popisu H.2 bodu 2.1 – 2.2 FŠPZ)</t>
  </si>
  <si>
    <t>Výmena digitálnych hodín – Budova VUSCH</t>
  </si>
  <si>
    <t>Výmena digitálnych hodín – DIA</t>
  </si>
  <si>
    <t>Výmena analógových hodín – Budova VUSCH</t>
  </si>
  <si>
    <t>Výmena analógových hodín – budova DIA</t>
  </si>
  <si>
    <t>Výmena prijímača časových značiek jednotného časi DCF77 – Budova VUSCH +  DIA</t>
  </si>
  <si>
    <t>Vykonávanie opráv rozvodov JČ, prijímača rádiosignálu 77,5 kHz, digitálnych a analógových hodín pre zobrazenie jednotného času vrámci objektu – Budova VUSCH +  DIA</t>
  </si>
  <si>
    <t>H.1</t>
  </si>
  <si>
    <t>Opravy, údržba a profylaktika HJČ, servisná pohotovosť a skladová pripravenosť</t>
  </si>
  <si>
    <t>Zabezpečenie servisnej pohotovosti a skladovej pripravenosti náhradných dielov pre prípadné poruchy a nefunkčnosti prijímača JČ, zobrazovacích modulov HJČ a komponentov na rozvod a rozbočenie signálu JČ od prijímača ku zobrazovacím modulom  po objekte v režime 8x5x4 (vysvetlenie viď. A.1 bod 1.1).</t>
  </si>
  <si>
    <t xml:space="preserve">Vykonávanie nevyhnutných opráv, údržby a profylaktiky systému HJČ a jeho rozvodu po budove. </t>
  </si>
  <si>
    <t>Pri zistení odchýlok od správnej činnosti a porúch na zariadeniach HJČ bude vykonaná ich kontrola a oprava. Pri zariadeniach vykazujúcich nefunkčnosť a nespoľahlivosť  (neodstrániteľné závady a odchýlky v ich činnosti), bude navrhnutá ich oprava alebo výmena za nové zariadenie. Táto výmena je bezplatná a je súčasťou paušálnej platby. Záruka a bezplatná výmena vadných častí sa nevzťahuje na mechanické poškodenie zariadení alebo kabeláže zavinené treťou stranou a na poškodenie živelnou udalosťou (príklad ako v A.1 bod 1.9).</t>
  </si>
  <si>
    <t>H.2</t>
  </si>
  <si>
    <t>Pravidelná kontrola a profylaktická prehliadka systému HJČ: 2x ročne (jar, jeseň)</t>
  </si>
  <si>
    <t>Počas profylaktickej  prehliadky budú vykonané kontroly kabelážneho systému JČ, hlavne vertikálne a horizontálne prestupy kabeláže, prepojenie signálu z prijímača HJČ  DCF77 do zobrazovacích modulov (analógových a digitálnych hodín).  Bude vykonaná kontrola a preskúšanie nastavenia citlivosti a smerovosti prijímača JČ a anténneho systému pre príjem synchronizačných signálov JČ.</t>
  </si>
  <si>
    <t>Jarná profylaktická prehliadka zariadení JČ bude vykonaná ako periodická kontrola a revízia a o jej  vykonaní bude vypracované potvrdenie o vykonaní kontroly spolu s vypracovaním správy o odbornej prehliadke a skúške (OPaS) elektrického zariadenia Hodiny jednotného času (JČ), podľa STN 33 1500, STN 33 2000-6:2007-10 a vyhlášky 508/2009 Z.z. Periodická kontrola a revízia systému JČ je súčasťou paušálnej platby v zmysle Zmluvy.</t>
  </si>
  <si>
    <t>2.3</t>
  </si>
  <si>
    <t>Termín profylaktickej prehliadky zariadenia HJČ bude dohodnutý zmluvnými stranami minimálne 7 dní vopred.</t>
  </si>
  <si>
    <t>I. MEDICall - MEDICÍNSKY KOMUNIKAČNÝ SYSTÉM SESTRA - PACIENT („MEDICall“)</t>
  </si>
  <si>
    <t>MediCall - ústredňa komunikačného systému sestra – pacient – Budova VUSCH</t>
  </si>
  <si>
    <t>Hlavný PC - Blok digitálnej komunikácie SIP – server MDC V03 IP – DIA</t>
  </si>
  <si>
    <t>Hlavná ústredňa stolná - terminál personálu IP 2.posch., 3.posch.  – DIA</t>
  </si>
  <si>
    <t>Ložková jednotka – mikrotelef.slúchadlo pre komunik. pacienta s ústredňou – Budova VUSCH</t>
  </si>
  <si>
    <t>171</t>
  </si>
  <si>
    <t>Ložková jednotka IP - mikrotelef.slúch. pre komunik. pacienta s ústredňou  - DIA</t>
  </si>
  <si>
    <t>37</t>
  </si>
  <si>
    <t>Bezpečnostný spínač s tiahlom pre privol.pomoci umiest.pri WC izby pacientov – Bud. VUSCH</t>
  </si>
  <si>
    <t>58</t>
  </si>
  <si>
    <t>Tlačítko núdzového volania IP pri WC izby pacientov – budova DIA</t>
  </si>
  <si>
    <t>Bezpečnostný spínač s tiahlom pre privol.pomoci umiest.v sprche izby pacientov – Bud.VUSCH</t>
  </si>
  <si>
    <t>Tiahlo núdzového volania IP pre privol.pomoci umiest.v sprche izby pacientov  – DIA</t>
  </si>
  <si>
    <t>Blok digitálnej komunikácie SIP – router pre tel.rúčky Gigaset – budova DIA</t>
  </si>
  <si>
    <t>Registračná jednotka personálu GIGASET IP – budova DIA</t>
  </si>
  <si>
    <t>Modul FM rádia -audioprodramy IP – budova DIA</t>
  </si>
  <si>
    <t>Napájač   250W IP – budova DIA</t>
  </si>
  <si>
    <t>Komunikačná jednotka s displejom IP – budova DIA</t>
  </si>
  <si>
    <t>Komunikačná jednotka riadiaca s displejom IP – budova DIA</t>
  </si>
  <si>
    <t>Signalizačná jednotka IP – budova DIA</t>
  </si>
  <si>
    <t>Vchodová komunikačná jednotka IP – budova DIA</t>
  </si>
  <si>
    <t>Služobná jednotka nástenná IP – budova DIA</t>
  </si>
  <si>
    <t>Služobná jednotka nástenná s čís.kláves. IP – budova DIA</t>
  </si>
  <si>
    <t>Služobná jednotka stolná s displejom IP – budova DIA</t>
  </si>
  <si>
    <t>Svietidlo IP</t>
  </si>
  <si>
    <t>Transformátor elektrického zámku-ovladač EZ IP</t>
  </si>
  <si>
    <t>Pravidelná polročná profylaktická kontrola systému MEDICall  – Budova VUSCH +  DIA (v zmysle popisu I.1 bodu 1.2 – 1.6 FŠPZ)</t>
  </si>
  <si>
    <t>Výmena ústredne MEDICall v prípade potreby  - Budova VUSCH</t>
  </si>
  <si>
    <t>Výmena ústredne – terminál personálu IP v prípade potreby  - DIA</t>
  </si>
  <si>
    <t>Výmena lôžkových jednotiek (mikrotel.slúchadiel) v prípade potreby – Budova VUSCH</t>
  </si>
  <si>
    <t>Výmena lôžkových jednotiek (mikrotel.slúchadiel) v prípade potreby – DIA</t>
  </si>
  <si>
    <t>Výmena bezpečnostných hlásičov vo WC a sprche v prípade potreby – Budova VUSCH</t>
  </si>
  <si>
    <t>Výmena bezpečnostných hlásičov vo WC a sprche v prípade potreby – DIA</t>
  </si>
  <si>
    <t>Výmena prvkov kabeláže, prevodníkov, služob.jednotiek v prípade potreby – Budova VUSCH</t>
  </si>
  <si>
    <t>Výmena prvkov kabeláže, prevodníkov, služob.jednotiek v prípade potreby – DIA</t>
  </si>
  <si>
    <t>Vykonávanie opráv na aktív.komponentoch a kábl.rozvodoch systému MEDICall – Bud. VUSCH</t>
  </si>
  <si>
    <t>Vykonávanie opráv na aktív.komponentoch a kábl.rozvodoch systému MEDICall –  DIA</t>
  </si>
  <si>
    <t>10</t>
  </si>
  <si>
    <t>I.1</t>
  </si>
  <si>
    <t>Opravy, údržba a profylaktika MEDICall, servisná pohotovosť a skladová pripravenosť</t>
  </si>
  <si>
    <t>Zabezpečenie servisnej pohotovosti a skladovej pripravenosti náhradných dielov pre prípadné poruchy a nefunkčnosti Medicínskeho komunikačného systému sestra pacient MEDICall v servisovanom objekte v režime 8x5x4 (vysvetlenie viď. A.1 bod 1.1).</t>
  </si>
  <si>
    <t>Profylaktická prehliadka zariadenia MEDICall: 2x ročne (jar, jeseň).</t>
  </si>
  <si>
    <t>Zariadenia systému MEDICall sú neoddeliteľnou súčasťou dátových podružných rozvádzačov Štruktúrovanej kabeláže, preto periodická kontrola a revízia vrátane Správy o odbornej prehliadke a skúške (OPaS) elektrického zariadenia nie je predmetom týchto zmluvných podmienok.</t>
  </si>
  <si>
    <t xml:space="preserve">Počas profylaktickej prehliadky zariadení MEDICall budú vykonané kontroly, nastavenia a upgrade firmvéru ústrední podľa doporučení výrobcu, kontrola funkcionality dverných audio hlások pre komunikáciu s pultom sestier a kontrola komunikačného spojenia od núdzových hlásičov a tlačidiel. Súčasťou profylaktickej prehliadky bude prenastavenie a preprogramovanie ústredne podľa požiadaviek prevádzkovateľa. </t>
  </si>
  <si>
    <t>Pri zistení odchýlok a porúch na zariadeniach systému MEDICall bude vykonaná ich oprava a prečistenie. Pri  zariadeniach,  vykazujúcich nefunkčnosť a nespoľahlivosť pre neodstrániteľné závady a odchýlky v činnosti, bude navrhnutá ich oprava u výrobcu alebo distribútora, alebo výmena za nové zariadenie alebo ich časti. Táto oprava alebo výmena je bezplatná a je súčasťou paušálnej platby.  Záruka a bezplatná výmena vadných častí sa nevzťahuje na mechanické poškodenie zariadení alebo kabeláže zavinené treťou stranou a na poškodenie živelnou udalosťou (príklad ako v A.1 bod 1.9).</t>
  </si>
  <si>
    <t xml:space="preserve">Súčasťou profylaktickej prehliadky bude kontrola činnosti záložných batérií a zdrojov UPS  a v prípade potreby bude doporučená výmena batérií. Výmena batérií je bezplatná a je súčasťou paušálnej platby. </t>
  </si>
  <si>
    <t>Havarijný servis a opravy súčastí systému MEDICall pri nesprávnej funkcii, poruche systému, alebo jeho jednotlivých častí, budú servisované po nahlásení objednávateľom v režime 8x5x4. Pri zistení prerušených trás kabeláže napojených podsystémov, mechanickom alebo elektrickom poškodení zariadení a jeho súčastí, zavinených treťou stranou alebo živelnou udalosťou, bude doporučená ich výmena alebo oprava u výrobcu alebo distribútora. Takáto oprava alebo výmena zariadení bude faktúrovaná samostatnou faktúrou na základe objednávky prevádzkovateľa.</t>
  </si>
  <si>
    <t>Termín profylaktickej prehliadky komunikačného systému MEDICall bude dohodnutý zmluvnými stranami minimálne 7 dní vopred.</t>
  </si>
  <si>
    <t xml:space="preserve">Položky predmetu zákazky: </t>
  </si>
  <si>
    <t>Položka č. 1</t>
  </si>
  <si>
    <t>INTEGRAČNÝ BEZPEČNOSTNÝ SYSTÉM IBS VÚSCH, a.s.</t>
  </si>
  <si>
    <t>mesačný paušál</t>
  </si>
  <si>
    <t>24 mesiacov</t>
  </si>
  <si>
    <t>Položka č. 2</t>
  </si>
  <si>
    <t>ELEKTRICKÁ POŽIARNA SIGNALIZÁCIA (EPS)</t>
  </si>
  <si>
    <t>Položka č. 3</t>
  </si>
  <si>
    <t>EVAKUAČNÝ ROZHLAS (ER), DOMÁCI ROZHLAS</t>
  </si>
  <si>
    <t>Položka č. 4</t>
  </si>
  <si>
    <t>ELEKTRICKÁ ZABEZPEČOVACIA SIGNALIZÁCIA (EZS)</t>
  </si>
  <si>
    <t>Položka č. 5</t>
  </si>
  <si>
    <t>PRÍSTUPOVÝ SYSTÉM (PS) PRE RIADENÉ OTVÁRANIE DVERÍ, VÝŤAHOV A ZÁVOR CEZ BEZKONTAKTNÝ ID ČIP</t>
  </si>
  <si>
    <t>Položka č. 6</t>
  </si>
  <si>
    <t>PARKOVACÍ SYSTÉM (PARKING) A AUTOMATICKÁ ZÁVORA</t>
  </si>
  <si>
    <t>Položka č. 7</t>
  </si>
  <si>
    <t>UZAVRETÝ KAMEROVÝ SYSTÉM PRIEMYSELNEJ TELEVÍZIE (CCTV) AKO SÚČASŤ OBJEKTOVEJ BEZPEČNOSTI</t>
  </si>
  <si>
    <t>Položka č. 8</t>
  </si>
  <si>
    <t xml:space="preserve">HODINY JEDNOTNÉHO ČASU (JČ) </t>
  </si>
  <si>
    <t>Položka č. 9</t>
  </si>
  <si>
    <t>MEDICALL - MEDICÍNSKY KOMUNIKAČNÝ SYSTÉM SESTRA - PACIENT</t>
  </si>
  <si>
    <t>predpokladaný počet 
na 24 mes.</t>
  </si>
  <si>
    <t>Týmto potvrdzujem, že všetky uvedené informácie sú pravdivé.</t>
  </si>
  <si>
    <t>Obchodný názov uchádzača:</t>
  </si>
  <si>
    <t>Sídlo uchádzača:</t>
  </si>
  <si>
    <t>IČO:</t>
  </si>
  <si>
    <t>DIČ:</t>
  </si>
  <si>
    <t>Kontaktná osoba dodávateľa pre účely overenia si informácií týkajúcich sa technických parametrov ponúkaného produktu:</t>
  </si>
  <si>
    <t>Meno, priezvisko,titul:</t>
  </si>
  <si>
    <t>Pracovná pozícia:</t>
  </si>
  <si>
    <t>Telefónne číslo:</t>
  </si>
  <si>
    <t>E-mail:</t>
  </si>
  <si>
    <t>V:</t>
  </si>
  <si>
    <t>Dňa:</t>
  </si>
  <si>
    <t>Poznámka:</t>
  </si>
  <si>
    <t xml:space="preserve">Podpis a pečiatka uchádzača </t>
  </si>
  <si>
    <t>Meno a priezvisko (titul) oprávnenej osoby:</t>
  </si>
  <si>
    <t>- povinné údaje vyplní uchádzač</t>
  </si>
  <si>
    <t>OBSTARANIE SLUŽBY PROFYLAKTIKY, SERVISU A ÚDRŽBY SYSTÉMOV NAPOJENÝCH NA INTEGRAČNÝ SYSTÉM IBS VUSCH, a.s.</t>
  </si>
  <si>
    <t>PS202 Platobná stanica vrátane automatickej pokladne pre platbu mincami a bankovkami , 
vydávacieho modulu snímača bankoviek, zabudovanej hovorovej jednotky hlasitého telefónu, 
vysokosvietivého dotykového displeya vo veľkosti min. 19“</t>
  </si>
  <si>
    <t>3.2.1</t>
  </si>
  <si>
    <t>kontrolu náhradného napájacieho zdroja,</t>
  </si>
  <si>
    <t>3.2.2</t>
  </si>
  <si>
    <t>3.2.3</t>
  </si>
  <si>
    <t>3.2.4</t>
  </si>
  <si>
    <t>3.2.5</t>
  </si>
  <si>
    <t>3.2.6</t>
  </si>
  <si>
    <t>kontrolu hlásičov požiaru, ktorá zahŕňa kontrolu čistoty hlásičov a ich neporušenosti vrátane výmeny poškodených hlásičov a odstránenia povrchovej nečistoty, funkčnú kontrolu hlásičov požiaru, kontrolu činnosti signálneho svietidla pripojeného na hlásič požiaru,</t>
  </si>
  <si>
    <t>kontrolu uloženia záložných hlásičov vrátane dodržiavania zásad pri skladovaní a manipulácii s ionizačnými hlásičmi (Vyhl. MZ SR 12/2001 Z.z.),</t>
  </si>
  <si>
    <t>funkčnú skúšku výstupov - ovládacích zariadení, zariadení zobrazujúcich jednotlivé stavy, doplňujúcich zariadení (ovládanie ER  pri požiarnom poplachu, ovládanie požiarnych uzáverov VZT,  prenos signálnych stavov pre dohľadovú komunikáciu udalostí EPS na IBS VUSCH, a.s. v miestnosti VELÍN, ktorý zabezpečuje centralizované a viacúčelové riešenie pre správu zariadení objektovej bezpečnosti v budove).</t>
  </si>
  <si>
    <t>kontrolu zaznamenávania údajov v prevádzkovej knihe.</t>
  </si>
  <si>
    <t xml:space="preserve">výsledkom štvrťročnej kontroly je „Zápis do knihy prevádzky EPS“, ktorého súčasťou je potvrdenie o vykonaní kontroly oprávnenou osobou a podpis. </t>
  </si>
  <si>
    <t>4.1.1</t>
  </si>
  <si>
    <t>4.1.2</t>
  </si>
  <si>
    <t>4.1.2.2</t>
  </si>
  <si>
    <t>4.1.2.1</t>
  </si>
  <si>
    <t>kontrolu funkčnosti náhradného napájacieho zdroja vrátane skúšobnej prevádzky EPS na náhradný napájací zdroj,</t>
  </si>
  <si>
    <t xml:space="preserve">kontrolu funkčnosti ovládacích zariadení, zariadení zobrazujúcich jednotlivé stavy a doplňujúcich zariadení: </t>
  </si>
  <si>
    <t>povrchu a vnútorného priestoru vrátane jeho očistenia,</t>
  </si>
  <si>
    <t>utesnenia, vodičov, dotiahnutia spojov, poistkových vložiek, svorkovníc,</t>
  </si>
  <si>
    <t>4.1.2.3</t>
  </si>
  <si>
    <t>4.1.2.4</t>
  </si>
  <si>
    <t xml:space="preserve"> 4.1.2.5</t>
  </si>
  <si>
    <t xml:space="preserve"> 4.1.2.6</t>
  </si>
  <si>
    <t>jednotlivých funkcií zariadení vrátane dobíjania akumulátora,</t>
  </si>
  <si>
    <t>napätia dodávaného jednotlivými napájacími zariadeniami ovládacích zariadení a zariadení zobrazujúcich jednotlivé stavy a vstupného napätia hlásičových liniek pri pokojovom prúde,</t>
  </si>
  <si>
    <t>záložných akumulátorov pamäti RAM a záložných akumulátorov pre signalizáciu mimo prevádzky,</t>
  </si>
  <si>
    <t>prepojenia jednotlivých zariadení,</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2"/>
      <color theme="1"/>
      <name val="Arial"/>
      <family val="2"/>
      <charset val="238"/>
    </font>
    <font>
      <b/>
      <sz val="12"/>
      <color theme="1"/>
      <name val="Arial"/>
      <family val="2"/>
      <charset val="238"/>
    </font>
    <font>
      <sz val="14"/>
      <color theme="1"/>
      <name val="Arial"/>
      <family val="2"/>
      <charset val="238"/>
    </font>
    <font>
      <b/>
      <sz val="10"/>
      <name val="Arial"/>
      <family val="2"/>
      <charset val="238"/>
    </font>
    <font>
      <sz val="10"/>
      <name val="Arial"/>
      <family val="2"/>
      <charset val="238"/>
    </font>
    <font>
      <b/>
      <i/>
      <sz val="10"/>
      <name val="Arial"/>
      <family val="2"/>
      <charset val="238"/>
    </font>
    <font>
      <sz val="9"/>
      <color theme="1"/>
      <name val="Arial"/>
      <family val="2"/>
      <charset val="238"/>
    </font>
    <font>
      <sz val="11"/>
      <color theme="1"/>
      <name val="Arial"/>
      <family val="2"/>
      <charset val="238"/>
    </font>
    <font>
      <sz val="8"/>
      <color theme="1"/>
      <name val="Arial"/>
      <family val="2"/>
      <charset val="238"/>
    </font>
    <font>
      <sz val="10"/>
      <color rgb="FFFF0000"/>
      <name val="Arial"/>
      <family val="2"/>
      <charset val="238"/>
    </font>
    <font>
      <sz val="9"/>
      <name val="Arial"/>
      <family val="2"/>
      <charset val="238"/>
    </font>
    <font>
      <b/>
      <sz val="9"/>
      <color theme="1"/>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0" tint="-4.9989318521683403E-2"/>
        <bgColor indexed="64"/>
      </patternFill>
    </fill>
    <fill>
      <patternFill patternType="solid">
        <fgColor theme="9" tint="0.59999389629810485"/>
        <bgColor indexed="64"/>
      </patternFill>
    </fill>
    <fill>
      <patternFill patternType="solid">
        <fgColor theme="9" tint="0.79998168889431442"/>
        <bgColor indexed="64"/>
      </patternFill>
    </fill>
  </fills>
  <borders count="39">
    <border>
      <left/>
      <right/>
      <top/>
      <bottom/>
      <diagonal/>
    </border>
    <border>
      <left style="medium">
        <color indexed="64"/>
      </left>
      <right/>
      <top style="medium">
        <color indexed="64"/>
      </top>
      <bottom/>
      <diagonal/>
    </border>
    <border>
      <left/>
      <right/>
      <top style="medium">
        <color indexed="64"/>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indexed="64"/>
      </bottom>
      <diagonal/>
    </border>
    <border>
      <left style="medium">
        <color auto="1"/>
      </left>
      <right/>
      <top style="medium">
        <color auto="1"/>
      </top>
      <bottom style="thin">
        <color indexed="64"/>
      </bottom>
      <diagonal/>
    </border>
    <border>
      <left/>
      <right/>
      <top style="medium">
        <color indexed="64"/>
      </top>
      <bottom style="thin">
        <color indexed="64"/>
      </bottom>
      <diagonal/>
    </border>
    <border>
      <left/>
      <right style="medium">
        <color auto="1"/>
      </right>
      <top style="medium">
        <color indexed="64"/>
      </top>
      <bottom style="thin">
        <color indexed="64"/>
      </bottom>
      <diagonal/>
    </border>
    <border>
      <left style="medium">
        <color auto="1"/>
      </left>
      <right/>
      <top style="thin">
        <color auto="1"/>
      </top>
      <bottom style="thin">
        <color auto="1"/>
      </bottom>
      <diagonal/>
    </border>
    <border>
      <left/>
      <right/>
      <top style="thin">
        <color auto="1"/>
      </top>
      <bottom style="thin">
        <color indexed="64"/>
      </bottom>
      <diagonal/>
    </border>
    <border>
      <left style="thin">
        <color auto="1"/>
      </left>
      <right style="thin">
        <color auto="1"/>
      </right>
      <top style="thin">
        <color auto="1"/>
      </top>
      <bottom style="thin">
        <color auto="1"/>
      </bottom>
      <diagonal/>
    </border>
    <border>
      <left style="thin">
        <color auto="1"/>
      </left>
      <right/>
      <top style="thin">
        <color auto="1"/>
      </top>
      <bottom style="thin">
        <color auto="1"/>
      </bottom>
      <diagonal/>
    </border>
    <border>
      <left/>
      <right style="medium">
        <color auto="1"/>
      </right>
      <top style="thin">
        <color auto="1"/>
      </top>
      <bottom style="thin">
        <color auto="1"/>
      </bottom>
      <diagonal/>
    </border>
    <border>
      <left/>
      <right style="thin">
        <color indexed="64"/>
      </right>
      <top style="thin">
        <color indexed="64"/>
      </top>
      <bottom style="thin">
        <color indexed="64"/>
      </bottom>
      <diagonal/>
    </border>
    <border>
      <left style="thin">
        <color auto="1"/>
      </left>
      <right style="medium">
        <color indexed="64"/>
      </right>
      <top style="thin">
        <color auto="1"/>
      </top>
      <bottom style="thin">
        <color auto="1"/>
      </bottom>
      <diagonal/>
    </border>
    <border>
      <left style="medium">
        <color auto="1"/>
      </left>
      <right/>
      <top/>
      <bottom style="thin">
        <color auto="1"/>
      </bottom>
      <diagonal/>
    </border>
    <border>
      <left/>
      <right style="thin">
        <color auto="1"/>
      </right>
      <top/>
      <bottom style="thin">
        <color auto="1"/>
      </bottom>
      <diagonal/>
    </border>
    <border>
      <left style="medium">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thin">
        <color indexed="64"/>
      </left>
      <right/>
      <top style="thin">
        <color indexed="64"/>
      </top>
      <bottom style="medium">
        <color auto="1"/>
      </bottom>
      <diagonal/>
    </border>
    <border>
      <left/>
      <right/>
      <top style="thin">
        <color indexed="64"/>
      </top>
      <bottom style="medium">
        <color auto="1"/>
      </bottom>
      <diagonal/>
    </border>
    <border>
      <left/>
      <right style="thin">
        <color indexed="64"/>
      </right>
      <top style="thin">
        <color indexed="64"/>
      </top>
      <bottom style="medium">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right style="medium">
        <color auto="1"/>
      </right>
      <top style="thin">
        <color auto="1"/>
      </top>
      <bottom style="medium">
        <color auto="1"/>
      </bottom>
      <diagonal/>
    </border>
    <border>
      <left style="medium">
        <color auto="1"/>
      </left>
      <right style="thin">
        <color auto="1"/>
      </right>
      <top style="thin">
        <color auto="1"/>
      </top>
      <bottom/>
      <diagonal/>
    </border>
    <border>
      <left style="thin">
        <color rgb="FFC00000"/>
      </left>
      <right style="thin">
        <color rgb="FFC00000"/>
      </right>
      <top style="thin">
        <color rgb="FFC00000"/>
      </top>
      <bottom style="thin">
        <color rgb="FFC00000"/>
      </bottom>
      <diagonal/>
    </border>
    <border>
      <left/>
      <right style="medium">
        <color indexed="64"/>
      </right>
      <top/>
      <bottom style="medium">
        <color indexed="64"/>
      </bottom>
      <diagonal/>
    </border>
    <border>
      <left style="thin">
        <color auto="1"/>
      </left>
      <right style="medium">
        <color indexed="64"/>
      </right>
      <top/>
      <bottom style="thin">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medium">
        <color auto="1"/>
      </left>
      <right style="thin">
        <color auto="1"/>
      </right>
      <top style="medium">
        <color auto="1"/>
      </top>
      <bottom style="thin">
        <color auto="1"/>
      </bottom>
      <diagonal/>
    </border>
    <border>
      <left style="thin">
        <color auto="1"/>
      </left>
      <right/>
      <top style="medium">
        <color auto="1"/>
      </top>
      <bottom style="thin">
        <color auto="1"/>
      </bottom>
      <diagonal/>
    </border>
    <border>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top/>
      <bottom/>
      <diagonal/>
    </border>
  </borders>
  <cellStyleXfs count="4">
    <xf numFmtId="0" fontId="0" fillId="0" borderId="0"/>
    <xf numFmtId="0" fontId="1" fillId="0" borderId="0"/>
    <xf numFmtId="0" fontId="8" fillId="0" borderId="0"/>
    <xf numFmtId="0" fontId="1" fillId="0" borderId="0"/>
  </cellStyleXfs>
  <cellXfs count="120">
    <xf numFmtId="0" fontId="0" fillId="0" borderId="0" xfId="0"/>
    <xf numFmtId="0" fontId="2" fillId="0" borderId="0" xfId="0" applyFont="1" applyAlignment="1" applyProtection="1">
      <alignment horizontal="center" wrapText="1"/>
      <protection locked="0"/>
    </xf>
    <xf numFmtId="0" fontId="2" fillId="0" borderId="0" xfId="0" applyFont="1" applyAlignment="1" applyProtection="1">
      <alignment wrapText="1"/>
      <protection locked="0"/>
    </xf>
    <xf numFmtId="0" fontId="3" fillId="0" borderId="0" xfId="0" applyNumberFormat="1" applyFont="1" applyAlignment="1" applyProtection="1">
      <alignment vertical="top" wrapText="1"/>
      <protection locked="0"/>
    </xf>
    <xf numFmtId="0" fontId="5" fillId="0" borderId="0" xfId="0" applyFont="1" applyAlignment="1" applyProtection="1">
      <alignment vertical="center" wrapText="1"/>
      <protection locked="0"/>
    </xf>
    <xf numFmtId="0" fontId="6" fillId="0" borderId="0" xfId="0" applyFont="1" applyAlignment="1" applyProtection="1">
      <alignment vertical="center" wrapText="1"/>
      <protection locked="0"/>
    </xf>
    <xf numFmtId="0" fontId="5" fillId="0" borderId="0" xfId="0" applyFont="1" applyAlignment="1" applyProtection="1">
      <alignment horizontal="center" vertical="center" wrapText="1"/>
      <protection locked="0"/>
    </xf>
    <xf numFmtId="49" fontId="3" fillId="2" borderId="2" xfId="0" applyNumberFormat="1" applyFont="1" applyFill="1" applyBorder="1" applyAlignment="1">
      <alignment horizontal="left" vertical="top" wrapText="1"/>
    </xf>
    <xf numFmtId="49" fontId="3" fillId="2" borderId="5" xfId="0" applyNumberFormat="1" applyFont="1" applyFill="1" applyBorder="1" applyAlignment="1">
      <alignment horizontal="left" vertical="top" wrapText="1"/>
    </xf>
    <xf numFmtId="49" fontId="7" fillId="4" borderId="11" xfId="0" applyNumberFormat="1" applyFont="1" applyFill="1" applyBorder="1" applyAlignment="1">
      <alignment horizontal="center" vertical="center" wrapText="1"/>
    </xf>
    <xf numFmtId="49" fontId="8" fillId="0" borderId="11" xfId="0" applyNumberFormat="1" applyFont="1" applyFill="1" applyBorder="1" applyAlignment="1">
      <alignment horizontal="center" vertical="center" wrapText="1"/>
    </xf>
    <xf numFmtId="49" fontId="9" fillId="0" borderId="18" xfId="0" applyNumberFormat="1" applyFont="1" applyBorder="1" applyAlignment="1">
      <alignment horizontal="center" vertical="center"/>
    </xf>
    <xf numFmtId="49" fontId="8" fillId="0" borderId="18" xfId="0" applyNumberFormat="1" applyFont="1" applyBorder="1" applyAlignment="1">
      <alignment horizontal="center" vertical="center"/>
    </xf>
    <xf numFmtId="49" fontId="8" fillId="0" borderId="19" xfId="0" applyNumberFormat="1" applyFont="1" applyBorder="1" applyAlignment="1">
      <alignment horizontal="center" vertical="center"/>
    </xf>
    <xf numFmtId="0" fontId="2" fillId="0" borderId="0" xfId="0" applyFont="1" applyAlignment="1">
      <alignment vertical="top" wrapText="1"/>
    </xf>
    <xf numFmtId="0" fontId="2" fillId="0" borderId="0" xfId="0" applyFont="1" applyFill="1" applyAlignment="1">
      <alignment vertical="center" wrapText="1"/>
    </xf>
    <xf numFmtId="0" fontId="2" fillId="0" borderId="0" xfId="0" applyFont="1" applyAlignment="1">
      <alignment vertical="center"/>
    </xf>
    <xf numFmtId="0" fontId="3" fillId="0" borderId="0" xfId="0" applyFont="1" applyAlignment="1">
      <alignment vertical="center"/>
    </xf>
    <xf numFmtId="0" fontId="2" fillId="0" borderId="0" xfId="0" applyFont="1" applyFill="1" applyAlignment="1">
      <alignment vertical="center"/>
    </xf>
    <xf numFmtId="0" fontId="10" fillId="0" borderId="0" xfId="1" applyFont="1" applyAlignment="1">
      <alignment vertical="center" wrapText="1"/>
    </xf>
    <xf numFmtId="0" fontId="2" fillId="0" borderId="0" xfId="1" applyFont="1" applyAlignment="1">
      <alignment wrapText="1"/>
    </xf>
    <xf numFmtId="0" fontId="11" fillId="0" borderId="0" xfId="1" applyFont="1" applyAlignment="1">
      <alignment wrapText="1"/>
    </xf>
    <xf numFmtId="0" fontId="2" fillId="0" borderId="0" xfId="0" applyFont="1" applyAlignment="1">
      <alignment wrapText="1"/>
    </xf>
    <xf numFmtId="0" fontId="12" fillId="0" borderId="0" xfId="0" applyFont="1"/>
    <xf numFmtId="0" fontId="12" fillId="0" borderId="0" xfId="0" applyFont="1" applyAlignment="1"/>
    <xf numFmtId="49" fontId="9" fillId="5" borderId="18" xfId="0" applyNumberFormat="1" applyFont="1" applyFill="1" applyBorder="1" applyAlignment="1">
      <alignment horizontal="center" vertical="center"/>
    </xf>
    <xf numFmtId="49" fontId="8" fillId="0" borderId="26" xfId="0" applyNumberFormat="1" applyFont="1" applyBorder="1" applyAlignment="1">
      <alignment horizontal="center" vertical="center"/>
    </xf>
    <xf numFmtId="49" fontId="2" fillId="0" borderId="0" xfId="0" applyNumberFormat="1" applyFont="1" applyBorder="1" applyAlignment="1">
      <alignment horizontal="left" vertical="top"/>
    </xf>
    <xf numFmtId="49" fontId="8" fillId="0" borderId="0" xfId="0" applyNumberFormat="1" applyFont="1" applyBorder="1" applyAlignment="1">
      <alignment horizontal="left" vertical="top" wrapText="1"/>
    </xf>
    <xf numFmtId="49" fontId="2" fillId="0" borderId="0" xfId="0" applyNumberFormat="1" applyFont="1" applyBorder="1" applyAlignment="1">
      <alignment horizontal="center" vertical="center" wrapText="1"/>
    </xf>
    <xf numFmtId="49" fontId="2" fillId="0" borderId="0" xfId="0" applyNumberFormat="1" applyFont="1" applyBorder="1" applyAlignment="1">
      <alignment horizontal="left" vertical="center" wrapText="1"/>
    </xf>
    <xf numFmtId="0" fontId="2" fillId="0" borderId="11" xfId="0" applyFont="1" applyBorder="1" applyAlignment="1">
      <alignment horizontal="center" vertical="center"/>
    </xf>
    <xf numFmtId="49" fontId="8" fillId="0" borderId="0" xfId="0" applyNumberFormat="1" applyFont="1" applyFill="1" applyBorder="1" applyAlignment="1">
      <alignment horizontal="left" vertical="center" wrapText="1"/>
    </xf>
    <xf numFmtId="49" fontId="8" fillId="0" borderId="0" xfId="0" applyNumberFormat="1" applyFont="1" applyFill="1" applyBorder="1" applyAlignment="1">
      <alignment vertical="center" wrapText="1"/>
    </xf>
    <xf numFmtId="49" fontId="3" fillId="2" borderId="3" xfId="0" applyNumberFormat="1" applyFont="1" applyFill="1" applyBorder="1" applyAlignment="1">
      <alignment horizontal="left" vertical="top" wrapText="1"/>
    </xf>
    <xf numFmtId="49" fontId="3" fillId="2" borderId="28" xfId="0" applyNumberFormat="1" applyFont="1" applyFill="1" applyBorder="1" applyAlignment="1">
      <alignment horizontal="left" vertical="top" wrapText="1"/>
    </xf>
    <xf numFmtId="49" fontId="7" fillId="4" borderId="15" xfId="0" applyNumberFormat="1" applyFont="1" applyFill="1" applyBorder="1" applyAlignment="1">
      <alignment horizontal="center" vertical="center" wrapText="1"/>
    </xf>
    <xf numFmtId="49" fontId="8" fillId="0" borderId="15" xfId="0" applyNumberFormat="1" applyFont="1" applyFill="1" applyBorder="1" applyAlignment="1">
      <alignment horizontal="center" vertical="center" wrapText="1"/>
    </xf>
    <xf numFmtId="49" fontId="8" fillId="0" borderId="29" xfId="0" applyNumberFormat="1" applyFont="1" applyFill="1" applyBorder="1" applyAlignment="1">
      <alignment horizontal="center" vertical="center" wrapText="1"/>
    </xf>
    <xf numFmtId="49" fontId="8" fillId="0" borderId="33" xfId="0" applyNumberFormat="1" applyFont="1" applyFill="1" applyBorder="1" applyAlignment="1">
      <alignment horizontal="left" vertical="center" wrapText="1"/>
    </xf>
    <xf numFmtId="0" fontId="2" fillId="0" borderId="36" xfId="0" applyFont="1" applyBorder="1" applyAlignment="1">
      <alignment horizontal="center" vertical="center"/>
    </xf>
    <xf numFmtId="0" fontId="2" fillId="0" borderId="37" xfId="0" applyFont="1" applyBorder="1" applyAlignment="1">
      <alignment horizontal="center" vertical="center"/>
    </xf>
    <xf numFmtId="49" fontId="8" fillId="0" borderId="18" xfId="0" applyNumberFormat="1" applyFont="1" applyFill="1" applyBorder="1" applyAlignment="1">
      <alignment horizontal="left" vertical="center" wrapText="1"/>
    </xf>
    <xf numFmtId="0" fontId="2" fillId="0" borderId="15" xfId="0" applyFont="1" applyBorder="1" applyAlignment="1">
      <alignment horizontal="center" vertical="center"/>
    </xf>
    <xf numFmtId="49" fontId="8" fillId="0" borderId="19" xfId="0" applyNumberFormat="1" applyFont="1" applyFill="1" applyBorder="1" applyAlignment="1">
      <alignment horizontal="left" vertical="center" wrapText="1"/>
    </xf>
    <xf numFmtId="0" fontId="2" fillId="0" borderId="23" xfId="0" applyFont="1" applyBorder="1" applyAlignment="1">
      <alignment horizontal="center" vertical="center"/>
    </xf>
    <xf numFmtId="0" fontId="2" fillId="0" borderId="24" xfId="0" applyFont="1" applyBorder="1" applyAlignment="1">
      <alignment horizontal="center" vertical="center"/>
    </xf>
    <xf numFmtId="0" fontId="10" fillId="0" borderId="0" xfId="3" applyFont="1" applyAlignment="1" applyProtection="1">
      <alignment horizontal="left" vertical="center" wrapText="1"/>
      <protection locked="0"/>
    </xf>
    <xf numFmtId="0" fontId="10" fillId="0" borderId="0" xfId="3" applyFont="1" applyAlignment="1" applyProtection="1">
      <alignment vertical="center" wrapText="1"/>
      <protection locked="0"/>
    </xf>
    <xf numFmtId="0" fontId="15" fillId="0" borderId="0" xfId="3" applyFont="1" applyAlignment="1" applyProtection="1">
      <alignment horizontal="left" vertical="center" wrapText="1"/>
      <protection locked="0"/>
    </xf>
    <xf numFmtId="0" fontId="10" fillId="0" borderId="0" xfId="3" applyFont="1" applyAlignment="1" applyProtection="1">
      <alignment wrapText="1"/>
      <protection locked="0"/>
    </xf>
    <xf numFmtId="49" fontId="10" fillId="0" borderId="0" xfId="3" applyNumberFormat="1" applyFont="1" applyAlignment="1" applyProtection="1">
      <alignment wrapText="1"/>
      <protection locked="0"/>
    </xf>
    <xf numFmtId="0" fontId="10" fillId="0" borderId="0" xfId="3" applyFont="1" applyAlignment="1" applyProtection="1">
      <protection locked="0"/>
    </xf>
    <xf numFmtId="0" fontId="10" fillId="0" borderId="0" xfId="3" applyFont="1" applyAlignment="1">
      <alignment horizontal="center"/>
    </xf>
    <xf numFmtId="0" fontId="10" fillId="0" borderId="0" xfId="3" applyFont="1" applyAlignment="1">
      <alignment horizontal="right" vertical="center"/>
    </xf>
    <xf numFmtId="0" fontId="10" fillId="3" borderId="27" xfId="3" applyFont="1" applyFill="1" applyBorder="1" applyAlignment="1" applyProtection="1">
      <alignment wrapText="1"/>
      <protection locked="0"/>
    </xf>
    <xf numFmtId="0" fontId="10" fillId="0" borderId="38" xfId="3" applyFont="1" applyBorder="1" applyAlignment="1" applyProtection="1">
      <alignment horizontal="left" vertical="center"/>
      <protection locked="0"/>
    </xf>
    <xf numFmtId="0" fontId="10" fillId="0" borderId="0" xfId="3" applyFont="1" applyBorder="1" applyAlignment="1" applyProtection="1">
      <alignment horizontal="left" vertical="center" wrapText="1"/>
      <protection locked="0"/>
    </xf>
    <xf numFmtId="0" fontId="15" fillId="0" borderId="0" xfId="3" applyFont="1" applyBorder="1" applyAlignment="1">
      <alignment horizontal="left" vertical="center" wrapText="1"/>
    </xf>
    <xf numFmtId="0" fontId="15" fillId="0" borderId="0" xfId="3" applyFont="1" applyAlignment="1" applyProtection="1">
      <alignment vertical="center" wrapText="1"/>
      <protection locked="0"/>
    </xf>
    <xf numFmtId="14" fontId="15" fillId="0" borderId="0" xfId="3" applyNumberFormat="1" applyFont="1" applyBorder="1" applyAlignment="1">
      <alignment horizontal="left" vertical="center" wrapText="1"/>
    </xf>
    <xf numFmtId="0" fontId="14" fillId="0" borderId="0" xfId="2" applyFont="1" applyAlignment="1">
      <alignment vertical="center" wrapText="1"/>
    </xf>
    <xf numFmtId="0" fontId="10" fillId="0" borderId="0" xfId="3" applyFont="1" applyAlignment="1" applyProtection="1">
      <alignment vertical="top" wrapText="1"/>
      <protection locked="0"/>
    </xf>
    <xf numFmtId="0" fontId="10" fillId="0" borderId="0" xfId="3" applyFont="1" applyBorder="1" applyAlignment="1" applyProtection="1">
      <alignment wrapText="1"/>
      <protection locked="0"/>
    </xf>
    <xf numFmtId="49" fontId="8" fillId="0" borderId="18" xfId="0" applyNumberFormat="1" applyFont="1" applyBorder="1" applyAlignment="1">
      <alignment horizontal="right" vertical="center"/>
    </xf>
    <xf numFmtId="49" fontId="8" fillId="0" borderId="9" xfId="0" applyNumberFormat="1" applyFont="1" applyFill="1" applyBorder="1" applyAlignment="1">
      <alignment horizontal="left" vertical="center" wrapText="1"/>
    </xf>
    <xf numFmtId="49" fontId="8" fillId="0" borderId="14" xfId="0" applyNumberFormat="1" applyFont="1" applyFill="1" applyBorder="1" applyAlignment="1">
      <alignment horizontal="left" vertical="center" wrapText="1"/>
    </xf>
    <xf numFmtId="49" fontId="7" fillId="4" borderId="9" xfId="0" applyNumberFormat="1" applyFont="1" applyFill="1" applyBorder="1" applyAlignment="1">
      <alignment vertical="center" wrapText="1"/>
    </xf>
    <xf numFmtId="49" fontId="7" fillId="4" borderId="10" xfId="0" applyNumberFormat="1" applyFont="1" applyFill="1" applyBorder="1" applyAlignment="1">
      <alignment vertical="center" wrapText="1"/>
    </xf>
    <xf numFmtId="0" fontId="2" fillId="0" borderId="0" xfId="0" applyFont="1" applyAlignment="1" applyProtection="1">
      <alignment horizontal="left" wrapText="1"/>
      <protection locked="0"/>
    </xf>
    <xf numFmtId="0" fontId="3" fillId="0" borderId="0" xfId="0" applyNumberFormat="1" applyFont="1" applyAlignment="1" applyProtection="1">
      <alignment horizontal="left" vertical="center" wrapText="1"/>
      <protection locked="0"/>
    </xf>
    <xf numFmtId="0" fontId="4" fillId="0" borderId="0" xfId="0" applyFont="1" applyAlignment="1" applyProtection="1">
      <alignment horizontal="center" vertical="center" wrapText="1"/>
      <protection locked="0"/>
    </xf>
    <xf numFmtId="49" fontId="3" fillId="2" borderId="1" xfId="0" applyNumberFormat="1" applyFont="1" applyFill="1" applyBorder="1" applyAlignment="1">
      <alignment horizontal="left" vertical="center" wrapText="1"/>
    </xf>
    <xf numFmtId="49" fontId="3" fillId="2" borderId="2" xfId="0" applyNumberFormat="1" applyFont="1" applyFill="1" applyBorder="1" applyAlignment="1">
      <alignment horizontal="left" vertical="center" wrapText="1"/>
    </xf>
    <xf numFmtId="49" fontId="3" fillId="2" borderId="4" xfId="0" applyNumberFormat="1" applyFont="1" applyFill="1" applyBorder="1" applyAlignment="1">
      <alignment horizontal="left" vertical="center" wrapText="1"/>
    </xf>
    <xf numFmtId="49" fontId="3" fillId="2" borderId="5" xfId="0" applyNumberFormat="1" applyFont="1" applyFill="1" applyBorder="1" applyAlignment="1">
      <alignment horizontal="left" vertical="center" wrapText="1"/>
    </xf>
    <xf numFmtId="49" fontId="7" fillId="4" borderId="9" xfId="0" applyNumberFormat="1" applyFont="1" applyFill="1" applyBorder="1" applyAlignment="1">
      <alignment horizontal="center" vertical="center" wrapText="1"/>
    </xf>
    <xf numFmtId="49" fontId="7" fillId="4" borderId="10" xfId="0" applyNumberFormat="1" applyFont="1" applyFill="1" applyBorder="1" applyAlignment="1">
      <alignment horizontal="center" vertical="center" wrapText="1"/>
    </xf>
    <xf numFmtId="49" fontId="8" fillId="0" borderId="16" xfId="0" applyNumberFormat="1" applyFont="1" applyFill="1" applyBorder="1" applyAlignment="1">
      <alignment horizontal="left" vertical="center" wrapText="1"/>
    </xf>
    <xf numFmtId="49" fontId="8" fillId="0" borderId="17" xfId="0" applyNumberFormat="1" applyFont="1" applyFill="1" applyBorder="1" applyAlignment="1">
      <alignment horizontal="left" vertical="center" wrapText="1"/>
    </xf>
    <xf numFmtId="49" fontId="9" fillId="0" borderId="12" xfId="0" applyNumberFormat="1" applyFont="1" applyFill="1" applyBorder="1" applyAlignment="1">
      <alignment horizontal="left" vertical="center" wrapText="1"/>
    </xf>
    <xf numFmtId="49" fontId="9" fillId="0" borderId="10" xfId="0" applyNumberFormat="1" applyFont="1" applyFill="1" applyBorder="1" applyAlignment="1">
      <alignment horizontal="left" vertical="center" wrapText="1"/>
    </xf>
    <xf numFmtId="49" fontId="9" fillId="0" borderId="13" xfId="0" applyNumberFormat="1" applyFont="1" applyFill="1" applyBorder="1" applyAlignment="1">
      <alignment horizontal="left" vertical="center" wrapText="1"/>
    </xf>
    <xf numFmtId="0" fontId="8" fillId="0" borderId="12" xfId="0" applyNumberFormat="1" applyFont="1" applyFill="1" applyBorder="1" applyAlignment="1">
      <alignment horizontal="left" vertical="center" wrapText="1"/>
    </xf>
    <xf numFmtId="0" fontId="8" fillId="0" borderId="10" xfId="0" applyNumberFormat="1" applyFont="1" applyFill="1" applyBorder="1" applyAlignment="1">
      <alignment horizontal="left" vertical="center" wrapText="1"/>
    </xf>
    <xf numFmtId="0" fontId="8" fillId="0" borderId="13" xfId="0" applyNumberFormat="1" applyFont="1" applyFill="1" applyBorder="1" applyAlignment="1">
      <alignment horizontal="left" vertical="center" wrapText="1"/>
    </xf>
    <xf numFmtId="0" fontId="8" fillId="0" borderId="20" xfId="0" applyNumberFormat="1" applyFont="1" applyFill="1" applyBorder="1" applyAlignment="1">
      <alignment horizontal="left" vertical="center" wrapText="1"/>
    </xf>
    <xf numFmtId="0" fontId="8" fillId="0" borderId="21" xfId="0" applyNumberFormat="1" applyFont="1" applyFill="1" applyBorder="1" applyAlignment="1">
      <alignment horizontal="left" vertical="center" wrapText="1"/>
    </xf>
    <xf numFmtId="0" fontId="8" fillId="0" borderId="25" xfId="0" applyNumberFormat="1" applyFont="1" applyFill="1" applyBorder="1" applyAlignment="1">
      <alignment horizontal="left" vertical="center" wrapText="1"/>
    </xf>
    <xf numFmtId="49" fontId="9" fillId="5" borderId="12" xfId="0" applyNumberFormat="1" applyFont="1" applyFill="1" applyBorder="1" applyAlignment="1">
      <alignment horizontal="left" vertical="center" wrapText="1"/>
    </xf>
    <xf numFmtId="49" fontId="9" fillId="5" borderId="10" xfId="0" applyNumberFormat="1" applyFont="1" applyFill="1" applyBorder="1" applyAlignment="1">
      <alignment horizontal="left" vertical="center" wrapText="1"/>
    </xf>
    <xf numFmtId="49" fontId="9" fillId="5" borderId="13" xfId="0" applyNumberFormat="1" applyFont="1" applyFill="1" applyBorder="1" applyAlignment="1">
      <alignment horizontal="left" vertical="center" wrapText="1"/>
    </xf>
    <xf numFmtId="49" fontId="7" fillId="3" borderId="6" xfId="0" applyNumberFormat="1" applyFont="1" applyFill="1" applyBorder="1" applyAlignment="1">
      <alignment horizontal="left" vertical="center" wrapText="1"/>
    </xf>
    <xf numFmtId="49" fontId="7" fillId="3" borderId="7" xfId="0" applyNumberFormat="1" applyFont="1" applyFill="1" applyBorder="1" applyAlignment="1">
      <alignment horizontal="left" vertical="center" wrapText="1"/>
    </xf>
    <xf numFmtId="49" fontId="7" fillId="3" borderId="8" xfId="0" applyNumberFormat="1" applyFont="1" applyFill="1" applyBorder="1" applyAlignment="1">
      <alignment horizontal="left" vertical="center" wrapText="1"/>
    </xf>
    <xf numFmtId="0" fontId="8" fillId="0" borderId="9" xfId="0" applyNumberFormat="1" applyFont="1" applyFill="1" applyBorder="1" applyAlignment="1">
      <alignment horizontal="left" vertical="center" wrapText="1"/>
    </xf>
    <xf numFmtId="0" fontId="8" fillId="0" borderId="14" xfId="0" applyNumberFormat="1" applyFont="1" applyFill="1" applyBorder="1" applyAlignment="1">
      <alignment horizontal="left" vertical="center" wrapText="1"/>
    </xf>
    <xf numFmtId="49" fontId="7" fillId="4" borderId="9" xfId="0" applyNumberFormat="1" applyFont="1" applyFill="1" applyBorder="1" applyAlignment="1">
      <alignment horizontal="left" vertical="center" wrapText="1"/>
    </xf>
    <xf numFmtId="49" fontId="7" fillId="4" borderId="10" xfId="0" applyNumberFormat="1" applyFont="1" applyFill="1" applyBorder="1" applyAlignment="1">
      <alignment horizontal="left" vertical="center" wrapText="1"/>
    </xf>
    <xf numFmtId="49" fontId="7" fillId="4" borderId="13" xfId="0" applyNumberFormat="1" applyFont="1" applyFill="1" applyBorder="1" applyAlignment="1">
      <alignment horizontal="left" vertical="center" wrapText="1"/>
    </xf>
    <xf numFmtId="49" fontId="7" fillId="0" borderId="9" xfId="0" applyNumberFormat="1" applyFont="1" applyFill="1" applyBorder="1" applyAlignment="1">
      <alignment horizontal="left" vertical="center" wrapText="1"/>
    </xf>
    <xf numFmtId="49" fontId="7" fillId="0" borderId="10" xfId="0" applyNumberFormat="1" applyFont="1" applyFill="1" applyBorder="1" applyAlignment="1">
      <alignment horizontal="left" vertical="center" wrapText="1"/>
    </xf>
    <xf numFmtId="49" fontId="7" fillId="0" borderId="13" xfId="0" applyNumberFormat="1" applyFont="1" applyFill="1" applyBorder="1" applyAlignment="1">
      <alignment horizontal="left" vertical="center" wrapText="1"/>
    </xf>
    <xf numFmtId="49" fontId="8" fillId="0" borderId="12" xfId="0" applyNumberFormat="1" applyFont="1" applyFill="1" applyBorder="1" applyAlignment="1">
      <alignment horizontal="left" vertical="center" wrapText="1"/>
    </xf>
    <xf numFmtId="49" fontId="8" fillId="0" borderId="10" xfId="0" applyNumberFormat="1" applyFont="1" applyFill="1" applyBorder="1" applyAlignment="1">
      <alignment horizontal="left" vertical="center" wrapText="1"/>
    </xf>
    <xf numFmtId="49" fontId="8" fillId="0" borderId="13" xfId="0" applyNumberFormat="1" applyFont="1" applyFill="1" applyBorder="1" applyAlignment="1">
      <alignment horizontal="left" vertical="center" wrapText="1"/>
    </xf>
    <xf numFmtId="49" fontId="8" fillId="0" borderId="20" xfId="0" applyNumberFormat="1" applyFont="1" applyFill="1" applyBorder="1" applyAlignment="1">
      <alignment horizontal="left" vertical="center" wrapText="1"/>
    </xf>
    <xf numFmtId="49" fontId="8" fillId="0" borderId="21" xfId="0" applyNumberFormat="1" applyFont="1" applyFill="1" applyBorder="1" applyAlignment="1">
      <alignment horizontal="left" vertical="center" wrapText="1"/>
    </xf>
    <xf numFmtId="0" fontId="0" fillId="0" borderId="22" xfId="0" applyBorder="1" applyAlignment="1">
      <alignment vertical="center" wrapText="1"/>
    </xf>
    <xf numFmtId="0" fontId="0" fillId="0" borderId="14" xfId="0" applyBorder="1" applyAlignment="1">
      <alignment vertical="center" wrapText="1"/>
    </xf>
    <xf numFmtId="49" fontId="8" fillId="0" borderId="34" xfId="0" applyNumberFormat="1" applyFont="1" applyFill="1" applyBorder="1" applyAlignment="1">
      <alignment horizontal="left" vertical="center" wrapText="1"/>
    </xf>
    <xf numFmtId="49" fontId="8" fillId="0" borderId="7" xfId="0" applyNumberFormat="1" applyFont="1" applyFill="1" applyBorder="1" applyAlignment="1">
      <alignment horizontal="left" vertical="center" wrapText="1"/>
    </xf>
    <xf numFmtId="0" fontId="0" fillId="0" borderId="35" xfId="0" applyBorder="1" applyAlignment="1">
      <alignment vertical="center" wrapText="1"/>
    </xf>
    <xf numFmtId="49" fontId="7" fillId="3" borderId="30" xfId="0" applyNumberFormat="1" applyFont="1" applyFill="1" applyBorder="1" applyAlignment="1">
      <alignment horizontal="left" vertical="center" wrapText="1"/>
    </xf>
    <xf numFmtId="49" fontId="7" fillId="3" borderId="31" xfId="0" applyNumberFormat="1" applyFont="1" applyFill="1" applyBorder="1" applyAlignment="1">
      <alignment horizontal="left" vertical="center" wrapText="1"/>
    </xf>
    <xf numFmtId="49" fontId="7" fillId="3" borderId="32" xfId="0" applyNumberFormat="1" applyFont="1" applyFill="1" applyBorder="1" applyAlignment="1">
      <alignment horizontal="left" vertical="center" wrapText="1"/>
    </xf>
    <xf numFmtId="0" fontId="15" fillId="0" borderId="0" xfId="3" applyFont="1" applyBorder="1" applyAlignment="1">
      <alignment horizontal="left" vertical="center" wrapText="1"/>
    </xf>
    <xf numFmtId="0" fontId="14" fillId="0" borderId="0" xfId="2" applyFont="1" applyAlignment="1">
      <alignment horizontal="left" vertical="center" wrapText="1"/>
    </xf>
    <xf numFmtId="0" fontId="15" fillId="0" borderId="0" xfId="3" applyFont="1" applyAlignment="1" applyProtection="1">
      <alignment horizontal="left" vertical="center" wrapText="1"/>
      <protection locked="0"/>
    </xf>
    <xf numFmtId="0" fontId="10" fillId="0" borderId="0" xfId="3" applyFont="1" applyAlignment="1" applyProtection="1">
      <alignment horizontal="left" vertical="center" wrapText="1"/>
      <protection locked="0"/>
    </xf>
  </cellXfs>
  <cellStyles count="4">
    <cellStyle name="Normálna" xfId="0" builtinId="0"/>
    <cellStyle name="Normálna 2" xfId="1" xr:uid="{12634D74-C0DA-48D0-95D1-E016E9C9A6C4}"/>
    <cellStyle name="Normálna 2 3 2" xfId="3" xr:uid="{D08E260F-03D9-4AA3-85C7-05DAA5F81FD9}"/>
    <cellStyle name="normálne 2 2" xfId="2" xr:uid="{4CCE8534-5EDC-4F77-A41F-159F9F9CA5A4}"/>
  </cellStyles>
  <dxfs count="10">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
      <fill>
        <patternFill>
          <bgColor theme="0" tint="-4.9989318521683403E-2"/>
        </patternFill>
      </fill>
      <border>
        <left style="thin">
          <color rgb="FFC00000"/>
        </left>
        <right style="thin">
          <color rgb="FFC00000"/>
        </right>
        <top style="thin">
          <color rgb="FFC00000"/>
        </top>
        <bottom style="thin">
          <color rgb="FFC00000"/>
        </bottom>
      </border>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4A43731-E811-4EBB-A1C1-E5DEAC0C680B}">
  <sheetPr>
    <tabColor rgb="FF00B0F0"/>
    <pageSetUpPr fitToPage="1"/>
  </sheetPr>
  <dimension ref="A1:H419"/>
  <sheetViews>
    <sheetView showGridLines="0" tabSelected="1" topLeftCell="A362" zoomScale="90" zoomScaleNormal="90" workbookViewId="0">
      <selection activeCell="A363" sqref="A363:B363"/>
    </sheetView>
  </sheetViews>
  <sheetFormatPr defaultRowHeight="12.75" x14ac:dyDescent="0.2"/>
  <cols>
    <col min="1" max="1" width="13.5703125" style="2" customWidth="1"/>
    <col min="2" max="2" width="75.42578125" style="2" customWidth="1"/>
    <col min="3" max="3" width="16.140625" style="2" customWidth="1"/>
    <col min="4" max="4" width="29.5703125" style="1" customWidth="1"/>
    <col min="5" max="5" width="17.5703125" style="2" customWidth="1"/>
    <col min="6" max="6" width="16.7109375" style="2" customWidth="1"/>
    <col min="7" max="7" width="10.7109375" style="2" customWidth="1"/>
    <col min="8" max="8" width="15.7109375" style="2" customWidth="1"/>
    <col min="9" max="16384" width="9.140625" style="2"/>
  </cols>
  <sheetData>
    <row r="1" spans="1:8" ht="15" customHeight="1" x14ac:dyDescent="0.2">
      <c r="A1" s="69" t="s">
        <v>0</v>
      </c>
      <c r="B1" s="69"/>
      <c r="C1" s="69"/>
      <c r="D1" s="69"/>
    </row>
    <row r="2" spans="1:8" ht="30" customHeight="1" x14ac:dyDescent="0.2">
      <c r="A2" s="70" t="s">
        <v>456</v>
      </c>
      <c r="B2" s="70"/>
      <c r="C2" s="70"/>
      <c r="D2" s="70"/>
      <c r="E2" s="3"/>
      <c r="F2" s="3"/>
      <c r="G2" s="3"/>
      <c r="H2" s="3"/>
    </row>
    <row r="3" spans="1:8" s="5" customFormat="1" ht="30" customHeight="1" x14ac:dyDescent="0.25">
      <c r="A3" s="71" t="s">
        <v>1</v>
      </c>
      <c r="B3" s="71"/>
      <c r="C3" s="71"/>
      <c r="D3" s="71"/>
      <c r="E3" s="4"/>
      <c r="F3" s="4"/>
      <c r="G3" s="4"/>
      <c r="H3" s="4"/>
    </row>
    <row r="4" spans="1:8" s="5" customFormat="1" ht="30" customHeight="1" thickBot="1" x14ac:dyDescent="0.3">
      <c r="A4" s="6"/>
      <c r="B4" s="6"/>
      <c r="C4" s="6"/>
      <c r="D4" s="6"/>
      <c r="E4" s="4"/>
      <c r="F4" s="4"/>
      <c r="G4" s="4"/>
      <c r="H4" s="4"/>
    </row>
    <row r="5" spans="1:8" s="5" customFormat="1" ht="93" customHeight="1" x14ac:dyDescent="0.25">
      <c r="A5" s="72" t="s">
        <v>2</v>
      </c>
      <c r="B5" s="73"/>
      <c r="C5" s="7"/>
      <c r="D5" s="34"/>
      <c r="E5" s="4"/>
      <c r="F5" s="4"/>
      <c r="G5" s="4"/>
      <c r="H5" s="4"/>
    </row>
    <row r="6" spans="1:8" s="5" customFormat="1" ht="30" customHeight="1" thickBot="1" x14ac:dyDescent="0.3">
      <c r="A6" s="74"/>
      <c r="B6" s="75"/>
      <c r="C6" s="8"/>
      <c r="D6" s="35"/>
      <c r="E6" s="4"/>
      <c r="F6" s="4"/>
      <c r="G6" s="4"/>
      <c r="H6" s="4"/>
    </row>
    <row r="7" spans="1:8" s="5" customFormat="1" ht="30.75" customHeight="1" x14ac:dyDescent="0.25">
      <c r="A7" s="92" t="s">
        <v>3</v>
      </c>
      <c r="B7" s="93"/>
      <c r="C7" s="93"/>
      <c r="D7" s="94"/>
      <c r="E7" s="4"/>
      <c r="F7" s="4"/>
      <c r="G7" s="4"/>
      <c r="H7" s="4"/>
    </row>
    <row r="8" spans="1:8" s="5" customFormat="1" ht="30" customHeight="1" x14ac:dyDescent="0.25">
      <c r="A8" s="67" t="s">
        <v>4</v>
      </c>
      <c r="B8" s="68"/>
      <c r="C8" s="9" t="s">
        <v>5</v>
      </c>
      <c r="D8" s="36" t="s">
        <v>6</v>
      </c>
      <c r="E8" s="4"/>
      <c r="F8" s="4"/>
      <c r="G8" s="4"/>
      <c r="H8" s="4"/>
    </row>
    <row r="9" spans="1:8" s="5" customFormat="1" ht="24.95" customHeight="1" x14ac:dyDescent="0.25">
      <c r="A9" s="65" t="s">
        <v>8</v>
      </c>
      <c r="B9" s="66"/>
      <c r="C9" s="10" t="s">
        <v>9</v>
      </c>
      <c r="D9" s="37" t="s">
        <v>10</v>
      </c>
      <c r="E9" s="4"/>
      <c r="F9" s="4"/>
      <c r="G9" s="4"/>
      <c r="H9" s="4"/>
    </row>
    <row r="10" spans="1:8" s="5" customFormat="1" ht="24.95" customHeight="1" x14ac:dyDescent="0.25">
      <c r="A10" s="65" t="s">
        <v>11</v>
      </c>
      <c r="B10" s="66"/>
      <c r="C10" s="10" t="s">
        <v>9</v>
      </c>
      <c r="D10" s="37" t="s">
        <v>10</v>
      </c>
      <c r="E10" s="4"/>
      <c r="F10" s="4"/>
      <c r="G10" s="4"/>
      <c r="H10" s="4"/>
    </row>
    <row r="11" spans="1:8" s="5" customFormat="1" ht="24.95" customHeight="1" x14ac:dyDescent="0.25">
      <c r="A11" s="65" t="s">
        <v>12</v>
      </c>
      <c r="B11" s="66"/>
      <c r="C11" s="10" t="s">
        <v>9</v>
      </c>
      <c r="D11" s="37" t="s">
        <v>10</v>
      </c>
      <c r="E11" s="4"/>
      <c r="F11" s="4"/>
      <c r="G11" s="4"/>
      <c r="H11" s="4"/>
    </row>
    <row r="12" spans="1:8" s="5" customFormat="1" ht="24.95" customHeight="1" x14ac:dyDescent="0.25">
      <c r="A12" s="65" t="s">
        <v>13</v>
      </c>
      <c r="B12" s="66"/>
      <c r="C12" s="10" t="s">
        <v>9</v>
      </c>
      <c r="D12" s="37" t="s">
        <v>14</v>
      </c>
      <c r="E12" s="4"/>
      <c r="F12" s="4"/>
      <c r="G12" s="4"/>
      <c r="H12" s="4"/>
    </row>
    <row r="13" spans="1:8" s="5" customFormat="1" ht="24.95" customHeight="1" x14ac:dyDescent="0.25">
      <c r="A13" s="65" t="s">
        <v>15</v>
      </c>
      <c r="B13" s="66"/>
      <c r="C13" s="10" t="s">
        <v>9</v>
      </c>
      <c r="D13" s="37" t="s">
        <v>16</v>
      </c>
      <c r="E13" s="4"/>
      <c r="F13" s="4"/>
      <c r="G13" s="4"/>
      <c r="H13" s="4"/>
    </row>
    <row r="14" spans="1:8" s="5" customFormat="1" ht="24.95" customHeight="1" x14ac:dyDescent="0.25">
      <c r="A14" s="65" t="s">
        <v>17</v>
      </c>
      <c r="B14" s="66"/>
      <c r="C14" s="10" t="s">
        <v>9</v>
      </c>
      <c r="D14" s="37" t="s">
        <v>18</v>
      </c>
      <c r="E14" s="4"/>
      <c r="F14" s="4"/>
      <c r="G14" s="4"/>
      <c r="H14" s="4"/>
    </row>
    <row r="15" spans="1:8" s="5" customFormat="1" ht="24.95" customHeight="1" x14ac:dyDescent="0.25">
      <c r="A15" s="65" t="s">
        <v>19</v>
      </c>
      <c r="B15" s="66"/>
      <c r="C15" s="10" t="s">
        <v>9</v>
      </c>
      <c r="D15" s="37" t="s">
        <v>20</v>
      </c>
      <c r="E15" s="4"/>
      <c r="F15" s="4"/>
      <c r="G15" s="4"/>
      <c r="H15" s="4"/>
    </row>
    <row r="16" spans="1:8" s="5" customFormat="1" ht="24.95" customHeight="1" x14ac:dyDescent="0.25">
      <c r="A16" s="65" t="s">
        <v>21</v>
      </c>
      <c r="B16" s="66"/>
      <c r="C16" s="10" t="s">
        <v>9</v>
      </c>
      <c r="D16" s="37" t="s">
        <v>10</v>
      </c>
      <c r="E16" s="4"/>
      <c r="F16" s="4"/>
      <c r="G16" s="4"/>
      <c r="H16" s="4"/>
    </row>
    <row r="17" spans="1:8" s="5" customFormat="1" ht="24.95" customHeight="1" x14ac:dyDescent="0.25">
      <c r="A17" s="65" t="s">
        <v>22</v>
      </c>
      <c r="B17" s="66"/>
      <c r="C17" s="10" t="s">
        <v>9</v>
      </c>
      <c r="D17" s="37" t="s">
        <v>10</v>
      </c>
      <c r="E17" s="4"/>
      <c r="F17" s="4"/>
      <c r="G17" s="4"/>
      <c r="H17" s="4"/>
    </row>
    <row r="18" spans="1:8" s="5" customFormat="1" ht="30" customHeight="1" x14ac:dyDescent="0.25">
      <c r="A18" s="65" t="s">
        <v>23</v>
      </c>
      <c r="B18" s="66"/>
      <c r="C18" s="10" t="s">
        <v>24</v>
      </c>
      <c r="D18" s="37" t="s">
        <v>25</v>
      </c>
      <c r="E18" s="4"/>
      <c r="F18" s="4"/>
      <c r="G18" s="4"/>
      <c r="H18" s="4"/>
    </row>
    <row r="19" spans="1:8" s="5" customFormat="1" ht="30" customHeight="1" x14ac:dyDescent="0.25">
      <c r="A19" s="65" t="s">
        <v>26</v>
      </c>
      <c r="B19" s="66"/>
      <c r="C19" s="10" t="s">
        <v>24</v>
      </c>
      <c r="D19" s="37" t="s">
        <v>27</v>
      </c>
      <c r="E19" s="4"/>
      <c r="F19" s="4"/>
      <c r="G19" s="4"/>
      <c r="H19" s="4"/>
    </row>
    <row r="20" spans="1:8" s="5" customFormat="1" ht="30.75" customHeight="1" x14ac:dyDescent="0.25">
      <c r="A20" s="76" t="s">
        <v>7</v>
      </c>
      <c r="B20" s="77"/>
      <c r="C20" s="9" t="s">
        <v>5</v>
      </c>
      <c r="D20" s="36" t="s">
        <v>439</v>
      </c>
      <c r="E20" s="4"/>
      <c r="F20" s="4"/>
      <c r="G20" s="4"/>
      <c r="H20" s="4"/>
    </row>
    <row r="21" spans="1:8" s="5" customFormat="1" ht="24.95" customHeight="1" x14ac:dyDescent="0.25">
      <c r="A21" s="78" t="s">
        <v>28</v>
      </c>
      <c r="B21" s="79"/>
      <c r="C21" s="10" t="s">
        <v>29</v>
      </c>
      <c r="D21" s="37" t="s">
        <v>30</v>
      </c>
      <c r="E21" s="4"/>
      <c r="F21" s="4"/>
      <c r="G21" s="4"/>
      <c r="H21" s="4"/>
    </row>
    <row r="22" spans="1:8" s="5" customFormat="1" ht="30" customHeight="1" x14ac:dyDescent="0.25">
      <c r="A22" s="97" t="s">
        <v>31</v>
      </c>
      <c r="B22" s="98"/>
      <c r="C22" s="98"/>
      <c r="D22" s="99"/>
      <c r="E22" s="4"/>
      <c r="F22" s="4"/>
      <c r="G22" s="4"/>
      <c r="H22" s="4"/>
    </row>
    <row r="23" spans="1:8" s="5" customFormat="1" ht="24.95" customHeight="1" x14ac:dyDescent="0.25">
      <c r="A23" s="11" t="s">
        <v>32</v>
      </c>
      <c r="B23" s="80" t="s">
        <v>33</v>
      </c>
      <c r="C23" s="81"/>
      <c r="D23" s="82"/>
      <c r="E23" s="4"/>
      <c r="F23" s="4"/>
      <c r="G23" s="4"/>
      <c r="H23" s="4"/>
    </row>
    <row r="24" spans="1:8" s="5" customFormat="1" ht="54.95" customHeight="1" x14ac:dyDescent="0.25">
      <c r="A24" s="12" t="s">
        <v>34</v>
      </c>
      <c r="B24" s="83" t="s">
        <v>35</v>
      </c>
      <c r="C24" s="84"/>
      <c r="D24" s="85"/>
      <c r="E24" s="4"/>
      <c r="F24" s="4"/>
      <c r="G24" s="4"/>
      <c r="H24" s="4"/>
    </row>
    <row r="25" spans="1:8" s="5" customFormat="1" ht="79.5" customHeight="1" x14ac:dyDescent="0.25">
      <c r="A25" s="12" t="s">
        <v>36</v>
      </c>
      <c r="B25" s="83" t="s">
        <v>37</v>
      </c>
      <c r="C25" s="84"/>
      <c r="D25" s="85"/>
      <c r="E25" s="4"/>
      <c r="F25" s="4"/>
      <c r="G25" s="4"/>
      <c r="H25" s="4"/>
    </row>
    <row r="26" spans="1:8" s="5" customFormat="1" ht="65.099999999999994" customHeight="1" x14ac:dyDescent="0.25">
      <c r="A26" s="12" t="s">
        <v>38</v>
      </c>
      <c r="B26" s="83" t="s">
        <v>39</v>
      </c>
      <c r="C26" s="84"/>
      <c r="D26" s="85"/>
      <c r="E26" s="4"/>
      <c r="F26" s="4"/>
      <c r="G26" s="4"/>
      <c r="H26" s="4"/>
    </row>
    <row r="27" spans="1:8" s="5" customFormat="1" ht="30" customHeight="1" x14ac:dyDescent="0.25">
      <c r="A27" s="12" t="s">
        <v>40</v>
      </c>
      <c r="B27" s="83" t="s">
        <v>41</v>
      </c>
      <c r="C27" s="84"/>
      <c r="D27" s="85"/>
      <c r="E27" s="4"/>
      <c r="F27" s="4"/>
      <c r="G27" s="4"/>
      <c r="H27" s="4"/>
    </row>
    <row r="28" spans="1:8" s="5" customFormat="1" ht="30" customHeight="1" x14ac:dyDescent="0.25">
      <c r="A28" s="12" t="s">
        <v>42</v>
      </c>
      <c r="B28" s="83" t="s">
        <v>43</v>
      </c>
      <c r="C28" s="84"/>
      <c r="D28" s="85"/>
      <c r="E28" s="4"/>
      <c r="F28" s="4"/>
      <c r="G28" s="4"/>
      <c r="H28" s="4"/>
    </row>
    <row r="29" spans="1:8" s="5" customFormat="1" ht="39.950000000000003" customHeight="1" x14ac:dyDescent="0.25">
      <c r="A29" s="12" t="s">
        <v>44</v>
      </c>
      <c r="B29" s="83" t="s">
        <v>45</v>
      </c>
      <c r="C29" s="84"/>
      <c r="D29" s="85"/>
      <c r="E29" s="4"/>
      <c r="F29" s="4"/>
      <c r="G29" s="4"/>
      <c r="H29" s="4"/>
    </row>
    <row r="30" spans="1:8" s="5" customFormat="1" ht="39.950000000000003" customHeight="1" x14ac:dyDescent="0.25">
      <c r="A30" s="12" t="s">
        <v>46</v>
      </c>
      <c r="B30" s="83" t="s">
        <v>47</v>
      </c>
      <c r="C30" s="84"/>
      <c r="D30" s="85"/>
      <c r="E30" s="4"/>
      <c r="F30" s="4"/>
      <c r="G30" s="4"/>
      <c r="H30" s="4"/>
    </row>
    <row r="31" spans="1:8" s="5" customFormat="1" ht="30" customHeight="1" x14ac:dyDescent="0.25">
      <c r="A31" s="12" t="s">
        <v>48</v>
      </c>
      <c r="B31" s="83" t="s">
        <v>49</v>
      </c>
      <c r="C31" s="84"/>
      <c r="D31" s="85"/>
      <c r="E31" s="4"/>
      <c r="F31" s="4"/>
      <c r="G31" s="4"/>
      <c r="H31" s="4"/>
    </row>
    <row r="32" spans="1:8" s="5" customFormat="1" ht="65.099999999999994" customHeight="1" thickBot="1" x14ac:dyDescent="0.3">
      <c r="A32" s="13" t="s">
        <v>50</v>
      </c>
      <c r="B32" s="86" t="s">
        <v>51</v>
      </c>
      <c r="C32" s="87"/>
      <c r="D32" s="88"/>
      <c r="E32" s="4"/>
      <c r="F32" s="4"/>
      <c r="G32" s="4"/>
      <c r="H32" s="4"/>
    </row>
    <row r="33" spans="1:8" s="5" customFormat="1" ht="30" customHeight="1" x14ac:dyDescent="0.25">
      <c r="A33" s="92" t="s">
        <v>52</v>
      </c>
      <c r="B33" s="93"/>
      <c r="C33" s="93"/>
      <c r="D33" s="94"/>
      <c r="E33" s="4"/>
      <c r="F33" s="4"/>
      <c r="G33" s="4"/>
      <c r="H33" s="4"/>
    </row>
    <row r="34" spans="1:8" s="5" customFormat="1" ht="30" customHeight="1" x14ac:dyDescent="0.25">
      <c r="A34" s="67" t="s">
        <v>4</v>
      </c>
      <c r="B34" s="68"/>
      <c r="C34" s="9" t="s">
        <v>5</v>
      </c>
      <c r="D34" s="36" t="s">
        <v>6</v>
      </c>
      <c r="E34" s="4"/>
      <c r="F34" s="4"/>
      <c r="G34" s="4"/>
      <c r="H34" s="4"/>
    </row>
    <row r="35" spans="1:8" s="5" customFormat="1" ht="24.95" customHeight="1" x14ac:dyDescent="0.25">
      <c r="A35" s="65" t="s">
        <v>53</v>
      </c>
      <c r="B35" s="66"/>
      <c r="C35" s="10" t="s">
        <v>9</v>
      </c>
      <c r="D35" s="37" t="s">
        <v>14</v>
      </c>
      <c r="E35" s="4"/>
      <c r="F35" s="4"/>
      <c r="G35" s="4"/>
      <c r="H35" s="4"/>
    </row>
    <row r="36" spans="1:8" s="14" customFormat="1" ht="24.95" customHeight="1" x14ac:dyDescent="0.25">
      <c r="A36" s="65" t="s">
        <v>54</v>
      </c>
      <c r="B36" s="66"/>
      <c r="C36" s="10" t="s">
        <v>9</v>
      </c>
      <c r="D36" s="37" t="s">
        <v>10</v>
      </c>
    </row>
    <row r="37" spans="1:8" s="14" customFormat="1" ht="24.95" customHeight="1" x14ac:dyDescent="0.25">
      <c r="A37" s="65" t="s">
        <v>55</v>
      </c>
      <c r="B37" s="66"/>
      <c r="C37" s="10" t="s">
        <v>9</v>
      </c>
      <c r="D37" s="37" t="s">
        <v>56</v>
      </c>
    </row>
    <row r="38" spans="1:8" s="15" customFormat="1" ht="24.95" customHeight="1" x14ac:dyDescent="0.25">
      <c r="A38" s="65" t="s">
        <v>57</v>
      </c>
      <c r="B38" s="66"/>
      <c r="C38" s="10" t="s">
        <v>9</v>
      </c>
      <c r="D38" s="37" t="s">
        <v>56</v>
      </c>
    </row>
    <row r="39" spans="1:8" s="16" customFormat="1" ht="24.95" customHeight="1" x14ac:dyDescent="0.25">
      <c r="A39" s="65" t="s">
        <v>58</v>
      </c>
      <c r="B39" s="66"/>
      <c r="C39" s="10" t="s">
        <v>9</v>
      </c>
      <c r="D39" s="37" t="s">
        <v>27</v>
      </c>
    </row>
    <row r="40" spans="1:8" s="16" customFormat="1" ht="24.95" customHeight="1" x14ac:dyDescent="0.25">
      <c r="A40" s="65" t="s">
        <v>59</v>
      </c>
      <c r="B40" s="66"/>
      <c r="C40" s="10" t="s">
        <v>9</v>
      </c>
      <c r="D40" s="37" t="s">
        <v>60</v>
      </c>
    </row>
    <row r="41" spans="1:8" s="16" customFormat="1" ht="24.95" customHeight="1" x14ac:dyDescent="0.25">
      <c r="A41" s="65" t="s">
        <v>61</v>
      </c>
      <c r="B41" s="66"/>
      <c r="C41" s="10" t="s">
        <v>9</v>
      </c>
      <c r="D41" s="37" t="s">
        <v>62</v>
      </c>
    </row>
    <row r="42" spans="1:8" s="16" customFormat="1" ht="24.95" customHeight="1" x14ac:dyDescent="0.25">
      <c r="A42" s="65" t="s">
        <v>63</v>
      </c>
      <c r="B42" s="66"/>
      <c r="C42" s="10" t="s">
        <v>9</v>
      </c>
      <c r="D42" s="37" t="s">
        <v>64</v>
      </c>
    </row>
    <row r="43" spans="1:8" s="16" customFormat="1" ht="24.95" customHeight="1" x14ac:dyDescent="0.25">
      <c r="A43" s="65" t="s">
        <v>65</v>
      </c>
      <c r="B43" s="66"/>
      <c r="C43" s="10" t="s">
        <v>9</v>
      </c>
      <c r="D43" s="37" t="s">
        <v>66</v>
      </c>
    </row>
    <row r="44" spans="1:8" s="16" customFormat="1" ht="24.95" customHeight="1" x14ac:dyDescent="0.25">
      <c r="A44" s="65" t="s">
        <v>67</v>
      </c>
      <c r="B44" s="66"/>
      <c r="C44" s="10" t="s">
        <v>9</v>
      </c>
      <c r="D44" s="37" t="s">
        <v>68</v>
      </c>
    </row>
    <row r="45" spans="1:8" s="17" customFormat="1" ht="24.95" customHeight="1" x14ac:dyDescent="0.25">
      <c r="A45" s="65" t="s">
        <v>69</v>
      </c>
      <c r="B45" s="66"/>
      <c r="C45" s="10" t="s">
        <v>9</v>
      </c>
      <c r="D45" s="37" t="s">
        <v>70</v>
      </c>
    </row>
    <row r="46" spans="1:8" s="18" customFormat="1" ht="24.95" customHeight="1" x14ac:dyDescent="0.25">
      <c r="A46" s="65" t="s">
        <v>71</v>
      </c>
      <c r="B46" s="66"/>
      <c r="C46" s="10" t="s">
        <v>9</v>
      </c>
      <c r="D46" s="37" t="s">
        <v>10</v>
      </c>
    </row>
    <row r="47" spans="1:8" s="18" customFormat="1" ht="24.95" customHeight="1" x14ac:dyDescent="0.25">
      <c r="A47" s="65" t="s">
        <v>72</v>
      </c>
      <c r="B47" s="66"/>
      <c r="C47" s="10" t="s">
        <v>9</v>
      </c>
      <c r="D47" s="37" t="s">
        <v>73</v>
      </c>
    </row>
    <row r="48" spans="1:8" s="18" customFormat="1" ht="24.95" customHeight="1" x14ac:dyDescent="0.25">
      <c r="A48" s="65" t="s">
        <v>74</v>
      </c>
      <c r="B48" s="66"/>
      <c r="C48" s="10" t="s">
        <v>9</v>
      </c>
      <c r="D48" s="37" t="s">
        <v>75</v>
      </c>
    </row>
    <row r="49" spans="1:4" s="18" customFormat="1" ht="24.95" customHeight="1" x14ac:dyDescent="0.25">
      <c r="A49" s="65" t="s">
        <v>76</v>
      </c>
      <c r="B49" s="66"/>
      <c r="C49" s="10" t="s">
        <v>9</v>
      </c>
      <c r="D49" s="37" t="s">
        <v>73</v>
      </c>
    </row>
    <row r="50" spans="1:4" s="19" customFormat="1" ht="24.95" customHeight="1" x14ac:dyDescent="0.25">
      <c r="A50" s="65" t="s">
        <v>77</v>
      </c>
      <c r="B50" s="66"/>
      <c r="C50" s="10" t="s">
        <v>9</v>
      </c>
      <c r="D50" s="37" t="s">
        <v>75</v>
      </c>
    </row>
    <row r="51" spans="1:4" s="19" customFormat="1" ht="24.95" customHeight="1" x14ac:dyDescent="0.25">
      <c r="A51" s="65" t="s">
        <v>78</v>
      </c>
      <c r="B51" s="66"/>
      <c r="C51" s="10" t="s">
        <v>9</v>
      </c>
      <c r="D51" s="37" t="s">
        <v>79</v>
      </c>
    </row>
    <row r="52" spans="1:4" s="20" customFormat="1" ht="24.95" customHeight="1" x14ac:dyDescent="0.2">
      <c r="A52" s="65" t="s">
        <v>80</v>
      </c>
      <c r="B52" s="66"/>
      <c r="C52" s="10" t="s">
        <v>9</v>
      </c>
      <c r="D52" s="37" t="s">
        <v>27</v>
      </c>
    </row>
    <row r="53" spans="1:4" s="20" customFormat="1" ht="24.95" customHeight="1" x14ac:dyDescent="0.2">
      <c r="A53" s="65" t="s">
        <v>81</v>
      </c>
      <c r="B53" s="66"/>
      <c r="C53" s="10" t="s">
        <v>9</v>
      </c>
      <c r="D53" s="37" t="s">
        <v>18</v>
      </c>
    </row>
    <row r="54" spans="1:4" s="20" customFormat="1" ht="24.95" customHeight="1" x14ac:dyDescent="0.2">
      <c r="A54" s="65" t="s">
        <v>82</v>
      </c>
      <c r="B54" s="66"/>
      <c r="C54" s="10" t="s">
        <v>9</v>
      </c>
      <c r="D54" s="37" t="s">
        <v>10</v>
      </c>
    </row>
    <row r="55" spans="1:4" s="21" customFormat="1" ht="24.95" customHeight="1" x14ac:dyDescent="0.2">
      <c r="A55" s="65" t="s">
        <v>83</v>
      </c>
      <c r="B55" s="66"/>
      <c r="C55" s="10" t="s">
        <v>9</v>
      </c>
      <c r="D55" s="37" t="s">
        <v>14</v>
      </c>
    </row>
    <row r="56" spans="1:4" s="21" customFormat="1" ht="24.95" customHeight="1" x14ac:dyDescent="0.2">
      <c r="A56" s="65" t="s">
        <v>84</v>
      </c>
      <c r="B56" s="66"/>
      <c r="C56" s="10" t="s">
        <v>9</v>
      </c>
      <c r="D56" s="37" t="s">
        <v>85</v>
      </c>
    </row>
    <row r="57" spans="1:4" s="22" customFormat="1" ht="24.95" customHeight="1" x14ac:dyDescent="0.2">
      <c r="A57" s="65" t="s">
        <v>86</v>
      </c>
      <c r="B57" s="66"/>
      <c r="C57" s="10" t="s">
        <v>24</v>
      </c>
      <c r="D57" s="37" t="s">
        <v>25</v>
      </c>
    </row>
    <row r="58" spans="1:4" s="23" customFormat="1" ht="24.95" customHeight="1" x14ac:dyDescent="0.2">
      <c r="A58" s="65" t="s">
        <v>87</v>
      </c>
      <c r="B58" s="66"/>
      <c r="C58" s="10" t="s">
        <v>24</v>
      </c>
      <c r="D58" s="37" t="s">
        <v>27</v>
      </c>
    </row>
    <row r="59" spans="1:4" s="24" customFormat="1" ht="24.95" customHeight="1" x14ac:dyDescent="0.2">
      <c r="A59" s="65" t="s">
        <v>88</v>
      </c>
      <c r="B59" s="66"/>
      <c r="C59" s="10" t="s">
        <v>24</v>
      </c>
      <c r="D59" s="37" t="s">
        <v>18</v>
      </c>
    </row>
    <row r="60" spans="1:4" ht="30" customHeight="1" x14ac:dyDescent="0.2">
      <c r="A60" s="76" t="s">
        <v>7</v>
      </c>
      <c r="B60" s="77"/>
      <c r="C60" s="9" t="s">
        <v>5</v>
      </c>
      <c r="D60" s="36" t="s">
        <v>439</v>
      </c>
    </row>
    <row r="61" spans="1:4" ht="24.95" customHeight="1" x14ac:dyDescent="0.2">
      <c r="A61" s="65" t="s">
        <v>89</v>
      </c>
      <c r="B61" s="66"/>
      <c r="C61" s="10" t="s">
        <v>9</v>
      </c>
      <c r="D61" s="37" t="s">
        <v>10</v>
      </c>
    </row>
    <row r="62" spans="1:4" ht="24.95" customHeight="1" x14ac:dyDescent="0.2">
      <c r="A62" s="65" t="s">
        <v>90</v>
      </c>
      <c r="B62" s="66"/>
      <c r="C62" s="10" t="s">
        <v>9</v>
      </c>
      <c r="D62" s="37" t="s">
        <v>10</v>
      </c>
    </row>
    <row r="63" spans="1:4" ht="24.95" customHeight="1" x14ac:dyDescent="0.2">
      <c r="A63" s="65" t="s">
        <v>91</v>
      </c>
      <c r="B63" s="66"/>
      <c r="C63" s="10" t="s">
        <v>9</v>
      </c>
      <c r="D63" s="37" t="s">
        <v>75</v>
      </c>
    </row>
    <row r="64" spans="1:4" ht="24.95" customHeight="1" x14ac:dyDescent="0.2">
      <c r="A64" s="65" t="s">
        <v>92</v>
      </c>
      <c r="B64" s="66"/>
      <c r="C64" s="10" t="s">
        <v>9</v>
      </c>
      <c r="D64" s="37" t="s">
        <v>27</v>
      </c>
    </row>
    <row r="65" spans="1:4" ht="24.95" customHeight="1" x14ac:dyDescent="0.2">
      <c r="A65" s="65" t="s">
        <v>93</v>
      </c>
      <c r="B65" s="66"/>
      <c r="C65" s="10" t="s">
        <v>9</v>
      </c>
      <c r="D65" s="37" t="s">
        <v>27</v>
      </c>
    </row>
    <row r="66" spans="1:4" ht="24.95" customHeight="1" x14ac:dyDescent="0.2">
      <c r="A66" s="65" t="s">
        <v>94</v>
      </c>
      <c r="B66" s="66"/>
      <c r="C66" s="10" t="s">
        <v>9</v>
      </c>
      <c r="D66" s="37" t="s">
        <v>20</v>
      </c>
    </row>
    <row r="67" spans="1:4" ht="24.95" customHeight="1" x14ac:dyDescent="0.2">
      <c r="A67" s="65" t="s">
        <v>95</v>
      </c>
      <c r="B67" s="66"/>
      <c r="C67" s="10" t="s">
        <v>9</v>
      </c>
      <c r="D67" s="37" t="s">
        <v>10</v>
      </c>
    </row>
    <row r="68" spans="1:4" ht="24.95" customHeight="1" x14ac:dyDescent="0.2">
      <c r="A68" s="65" t="s">
        <v>96</v>
      </c>
      <c r="B68" s="66"/>
      <c r="C68" s="10" t="s">
        <v>9</v>
      </c>
      <c r="D68" s="37" t="s">
        <v>14</v>
      </c>
    </row>
    <row r="69" spans="1:4" ht="24.95" customHeight="1" x14ac:dyDescent="0.2">
      <c r="A69" s="65" t="s">
        <v>97</v>
      </c>
      <c r="B69" s="66"/>
      <c r="C69" s="10" t="s">
        <v>9</v>
      </c>
      <c r="D69" s="37" t="s">
        <v>10</v>
      </c>
    </row>
    <row r="70" spans="1:4" ht="24.95" customHeight="1" x14ac:dyDescent="0.2">
      <c r="A70" s="65" t="s">
        <v>98</v>
      </c>
      <c r="B70" s="66"/>
      <c r="C70" s="10" t="s">
        <v>29</v>
      </c>
      <c r="D70" s="37" t="s">
        <v>99</v>
      </c>
    </row>
    <row r="71" spans="1:4" ht="30" customHeight="1" x14ac:dyDescent="0.2">
      <c r="A71" s="97" t="s">
        <v>31</v>
      </c>
      <c r="B71" s="98"/>
      <c r="C71" s="98"/>
      <c r="D71" s="99"/>
    </row>
    <row r="72" spans="1:4" ht="24.95" customHeight="1" x14ac:dyDescent="0.2">
      <c r="A72" s="25" t="s">
        <v>100</v>
      </c>
      <c r="B72" s="89" t="s">
        <v>101</v>
      </c>
      <c r="C72" s="90"/>
      <c r="D72" s="91"/>
    </row>
    <row r="73" spans="1:4" ht="39.950000000000003" customHeight="1" x14ac:dyDescent="0.2">
      <c r="A73" s="12" t="s">
        <v>34</v>
      </c>
      <c r="B73" s="83" t="s">
        <v>102</v>
      </c>
      <c r="C73" s="84"/>
      <c r="D73" s="85"/>
    </row>
    <row r="74" spans="1:4" ht="54.95" customHeight="1" x14ac:dyDescent="0.2">
      <c r="A74" s="12" t="s">
        <v>36</v>
      </c>
      <c r="B74" s="83" t="s">
        <v>103</v>
      </c>
      <c r="C74" s="84"/>
      <c r="D74" s="85"/>
    </row>
    <row r="75" spans="1:4" ht="65.099999999999994" customHeight="1" x14ac:dyDescent="0.2">
      <c r="A75" s="12" t="s">
        <v>38</v>
      </c>
      <c r="B75" s="83" t="s">
        <v>104</v>
      </c>
      <c r="C75" s="84"/>
      <c r="D75" s="85"/>
    </row>
    <row r="76" spans="1:4" ht="24.95" customHeight="1" x14ac:dyDescent="0.2">
      <c r="A76" s="25" t="s">
        <v>105</v>
      </c>
      <c r="B76" s="89" t="s">
        <v>106</v>
      </c>
      <c r="C76" s="90"/>
      <c r="D76" s="91"/>
    </row>
    <row r="77" spans="1:4" ht="45" customHeight="1" x14ac:dyDescent="0.2">
      <c r="A77" s="12" t="s">
        <v>107</v>
      </c>
      <c r="B77" s="83" t="s">
        <v>108</v>
      </c>
      <c r="C77" s="84"/>
      <c r="D77" s="85"/>
    </row>
    <row r="78" spans="1:4" ht="33" customHeight="1" x14ac:dyDescent="0.2">
      <c r="A78" s="12" t="s">
        <v>109</v>
      </c>
      <c r="B78" s="83" t="s">
        <v>110</v>
      </c>
      <c r="C78" s="84"/>
      <c r="D78" s="85"/>
    </row>
    <row r="79" spans="1:4" ht="24.95" customHeight="1" x14ac:dyDescent="0.2">
      <c r="A79" s="25" t="s">
        <v>111</v>
      </c>
      <c r="B79" s="89" t="s">
        <v>112</v>
      </c>
      <c r="C79" s="90"/>
      <c r="D79" s="91"/>
    </row>
    <row r="80" spans="1:4" ht="54.95" customHeight="1" x14ac:dyDescent="0.2">
      <c r="A80" s="12" t="s">
        <v>113</v>
      </c>
      <c r="B80" s="83" t="s">
        <v>114</v>
      </c>
      <c r="C80" s="84"/>
      <c r="D80" s="85"/>
    </row>
    <row r="81" spans="1:4" ht="24.95" customHeight="1" x14ac:dyDescent="0.2">
      <c r="A81" s="12" t="s">
        <v>115</v>
      </c>
      <c r="B81" s="83" t="s">
        <v>116</v>
      </c>
      <c r="C81" s="84"/>
      <c r="D81" s="85"/>
    </row>
    <row r="82" spans="1:4" ht="21" customHeight="1" x14ac:dyDescent="0.2">
      <c r="A82" s="64" t="s">
        <v>458</v>
      </c>
      <c r="B82" s="83" t="s">
        <v>459</v>
      </c>
      <c r="C82" s="84"/>
      <c r="D82" s="85"/>
    </row>
    <row r="83" spans="1:4" ht="30" customHeight="1" x14ac:dyDescent="0.2">
      <c r="A83" s="64" t="s">
        <v>460</v>
      </c>
      <c r="B83" s="83" t="s">
        <v>465</v>
      </c>
      <c r="C83" s="84"/>
      <c r="D83" s="85"/>
    </row>
    <row r="84" spans="1:4" ht="30" customHeight="1" x14ac:dyDescent="0.2">
      <c r="A84" s="64" t="s">
        <v>461</v>
      </c>
      <c r="B84" s="83" t="s">
        <v>466</v>
      </c>
      <c r="C84" s="84"/>
      <c r="D84" s="85"/>
    </row>
    <row r="85" spans="1:4" ht="54.95" customHeight="1" x14ac:dyDescent="0.2">
      <c r="A85" s="64" t="s">
        <v>462</v>
      </c>
      <c r="B85" s="83" t="s">
        <v>467</v>
      </c>
      <c r="C85" s="84"/>
      <c r="D85" s="85"/>
    </row>
    <row r="86" spans="1:4" ht="24.95" customHeight="1" x14ac:dyDescent="0.2">
      <c r="A86" s="64" t="s">
        <v>463</v>
      </c>
      <c r="B86" s="83" t="s">
        <v>468</v>
      </c>
      <c r="C86" s="84"/>
      <c r="D86" s="85"/>
    </row>
    <row r="87" spans="1:4" ht="30" customHeight="1" x14ac:dyDescent="0.2">
      <c r="A87" s="64" t="s">
        <v>464</v>
      </c>
      <c r="B87" s="83" t="s">
        <v>469</v>
      </c>
      <c r="C87" s="84"/>
      <c r="D87" s="85"/>
    </row>
    <row r="88" spans="1:4" ht="24.95" customHeight="1" x14ac:dyDescent="0.2">
      <c r="A88" s="25" t="s">
        <v>117</v>
      </c>
      <c r="B88" s="89" t="s">
        <v>118</v>
      </c>
      <c r="C88" s="90"/>
      <c r="D88" s="91"/>
    </row>
    <row r="89" spans="1:4" ht="24.95" customHeight="1" x14ac:dyDescent="0.2">
      <c r="A89" s="12" t="s">
        <v>119</v>
      </c>
      <c r="B89" s="83" t="s">
        <v>120</v>
      </c>
      <c r="C89" s="84"/>
      <c r="D89" s="85"/>
    </row>
    <row r="90" spans="1:4" ht="24.95" customHeight="1" x14ac:dyDescent="0.2">
      <c r="A90" s="64" t="s">
        <v>470</v>
      </c>
      <c r="B90" s="83" t="s">
        <v>474</v>
      </c>
      <c r="C90" s="84"/>
      <c r="D90" s="85"/>
    </row>
    <row r="91" spans="1:4" ht="24.95" customHeight="1" x14ac:dyDescent="0.2">
      <c r="A91" s="64" t="s">
        <v>471</v>
      </c>
      <c r="B91" s="83" t="s">
        <v>475</v>
      </c>
      <c r="C91" s="84"/>
      <c r="D91" s="85"/>
    </row>
    <row r="92" spans="1:4" ht="24.95" customHeight="1" x14ac:dyDescent="0.2">
      <c r="A92" s="64" t="s">
        <v>473</v>
      </c>
      <c r="B92" s="83" t="s">
        <v>476</v>
      </c>
      <c r="C92" s="84"/>
      <c r="D92" s="85"/>
    </row>
    <row r="93" spans="1:4" ht="24.95" customHeight="1" x14ac:dyDescent="0.2">
      <c r="A93" s="64" t="s">
        <v>472</v>
      </c>
      <c r="B93" s="83" t="s">
        <v>477</v>
      </c>
      <c r="C93" s="84"/>
      <c r="D93" s="85"/>
    </row>
    <row r="94" spans="1:4" ht="24.95" customHeight="1" x14ac:dyDescent="0.2">
      <c r="A94" s="64" t="s">
        <v>478</v>
      </c>
      <c r="B94" s="83" t="s">
        <v>482</v>
      </c>
      <c r="C94" s="84"/>
      <c r="D94" s="85"/>
    </row>
    <row r="95" spans="1:4" ht="30" customHeight="1" x14ac:dyDescent="0.2">
      <c r="A95" s="64" t="s">
        <v>479</v>
      </c>
      <c r="B95" s="83" t="s">
        <v>483</v>
      </c>
      <c r="C95" s="84"/>
      <c r="D95" s="85"/>
    </row>
    <row r="96" spans="1:4" ht="24.95" customHeight="1" x14ac:dyDescent="0.2">
      <c r="A96" s="64" t="s">
        <v>480</v>
      </c>
      <c r="B96" s="83" t="s">
        <v>484</v>
      </c>
      <c r="C96" s="84"/>
      <c r="D96" s="85"/>
    </row>
    <row r="97" spans="1:4" ht="24.95" customHeight="1" x14ac:dyDescent="0.2">
      <c r="A97" s="64" t="s">
        <v>481</v>
      </c>
      <c r="B97" s="83" t="s">
        <v>485</v>
      </c>
      <c r="C97" s="84"/>
      <c r="D97" s="85"/>
    </row>
    <row r="98" spans="1:4" ht="30" customHeight="1" x14ac:dyDescent="0.2">
      <c r="A98" s="12" t="s">
        <v>121</v>
      </c>
      <c r="B98" s="83" t="s">
        <v>122</v>
      </c>
      <c r="C98" s="84"/>
      <c r="D98" s="85"/>
    </row>
    <row r="99" spans="1:4" ht="39.950000000000003" customHeight="1" thickBot="1" x14ac:dyDescent="0.25">
      <c r="A99" s="12" t="s">
        <v>123</v>
      </c>
      <c r="B99" s="83" t="s">
        <v>124</v>
      </c>
      <c r="C99" s="84"/>
      <c r="D99" s="85"/>
    </row>
    <row r="100" spans="1:4" ht="30" customHeight="1" x14ac:dyDescent="0.2">
      <c r="A100" s="92" t="s">
        <v>125</v>
      </c>
      <c r="B100" s="93"/>
      <c r="C100" s="93"/>
      <c r="D100" s="94"/>
    </row>
    <row r="101" spans="1:4" ht="30" customHeight="1" x14ac:dyDescent="0.2">
      <c r="A101" s="67" t="s">
        <v>4</v>
      </c>
      <c r="B101" s="68"/>
      <c r="C101" s="9" t="s">
        <v>5</v>
      </c>
      <c r="D101" s="36" t="s">
        <v>6</v>
      </c>
    </row>
    <row r="102" spans="1:4" ht="24.95" customHeight="1" x14ac:dyDescent="0.2">
      <c r="A102" s="65" t="s">
        <v>126</v>
      </c>
      <c r="B102" s="66"/>
      <c r="C102" s="10" t="s">
        <v>9</v>
      </c>
      <c r="D102" s="37" t="s">
        <v>10</v>
      </c>
    </row>
    <row r="103" spans="1:4" ht="24.95" customHeight="1" x14ac:dyDescent="0.2">
      <c r="A103" s="65" t="s">
        <v>127</v>
      </c>
      <c r="B103" s="66"/>
      <c r="C103" s="10" t="s">
        <v>9</v>
      </c>
      <c r="D103" s="37" t="s">
        <v>10</v>
      </c>
    </row>
    <row r="104" spans="1:4" ht="24.95" customHeight="1" x14ac:dyDescent="0.2">
      <c r="A104" s="65" t="s">
        <v>128</v>
      </c>
      <c r="B104" s="66"/>
      <c r="C104" s="10" t="s">
        <v>9</v>
      </c>
      <c r="D104" s="37" t="s">
        <v>10</v>
      </c>
    </row>
    <row r="105" spans="1:4" ht="24.95" customHeight="1" x14ac:dyDescent="0.2">
      <c r="A105" s="65" t="s">
        <v>129</v>
      </c>
      <c r="B105" s="66"/>
      <c r="C105" s="10" t="s">
        <v>9</v>
      </c>
      <c r="D105" s="37" t="s">
        <v>10</v>
      </c>
    </row>
    <row r="106" spans="1:4" ht="24.95" customHeight="1" x14ac:dyDescent="0.2">
      <c r="A106" s="65" t="s">
        <v>130</v>
      </c>
      <c r="B106" s="66"/>
      <c r="C106" s="10" t="s">
        <v>9</v>
      </c>
      <c r="D106" s="37" t="s">
        <v>18</v>
      </c>
    </row>
    <row r="107" spans="1:4" ht="24.95" customHeight="1" x14ac:dyDescent="0.2">
      <c r="A107" s="65" t="s">
        <v>131</v>
      </c>
      <c r="B107" s="66"/>
      <c r="C107" s="10" t="s">
        <v>9</v>
      </c>
      <c r="D107" s="37" t="s">
        <v>10</v>
      </c>
    </row>
    <row r="108" spans="1:4" ht="24.95" customHeight="1" x14ac:dyDescent="0.2">
      <c r="A108" s="65" t="s">
        <v>132</v>
      </c>
      <c r="B108" s="66"/>
      <c r="C108" s="10" t="s">
        <v>9</v>
      </c>
      <c r="D108" s="37" t="s">
        <v>10</v>
      </c>
    </row>
    <row r="109" spans="1:4" ht="24.95" customHeight="1" x14ac:dyDescent="0.2">
      <c r="A109" s="65" t="s">
        <v>133</v>
      </c>
      <c r="B109" s="66"/>
      <c r="C109" s="10" t="s">
        <v>9</v>
      </c>
      <c r="D109" s="37" t="s">
        <v>10</v>
      </c>
    </row>
    <row r="110" spans="1:4" ht="24.95" customHeight="1" x14ac:dyDescent="0.2">
      <c r="A110" s="65" t="s">
        <v>134</v>
      </c>
      <c r="B110" s="66"/>
      <c r="C110" s="10" t="s">
        <v>9</v>
      </c>
      <c r="D110" s="37" t="s">
        <v>10</v>
      </c>
    </row>
    <row r="111" spans="1:4" ht="24.95" customHeight="1" x14ac:dyDescent="0.2">
      <c r="A111" s="65" t="s">
        <v>135</v>
      </c>
      <c r="B111" s="66"/>
      <c r="C111" s="10" t="s">
        <v>9</v>
      </c>
      <c r="D111" s="37" t="s">
        <v>10</v>
      </c>
    </row>
    <row r="112" spans="1:4" ht="24.95" customHeight="1" x14ac:dyDescent="0.2">
      <c r="A112" s="65" t="s">
        <v>136</v>
      </c>
      <c r="B112" s="66"/>
      <c r="C112" s="10" t="s">
        <v>9</v>
      </c>
      <c r="D112" s="37" t="s">
        <v>10</v>
      </c>
    </row>
    <row r="113" spans="1:4" ht="24.95" customHeight="1" x14ac:dyDescent="0.2">
      <c r="A113" s="65" t="s">
        <v>137</v>
      </c>
      <c r="B113" s="66"/>
      <c r="C113" s="10" t="s">
        <v>9</v>
      </c>
      <c r="D113" s="37" t="s">
        <v>18</v>
      </c>
    </row>
    <row r="114" spans="1:4" ht="24.95" customHeight="1" x14ac:dyDescent="0.2">
      <c r="A114" s="65" t="s">
        <v>138</v>
      </c>
      <c r="B114" s="66"/>
      <c r="C114" s="10" t="s">
        <v>9</v>
      </c>
      <c r="D114" s="37" t="s">
        <v>139</v>
      </c>
    </row>
    <row r="115" spans="1:4" ht="24.95" customHeight="1" x14ac:dyDescent="0.2">
      <c r="A115" s="65" t="s">
        <v>140</v>
      </c>
      <c r="B115" s="66"/>
      <c r="C115" s="10" t="s">
        <v>9</v>
      </c>
      <c r="D115" s="37" t="s">
        <v>141</v>
      </c>
    </row>
    <row r="116" spans="1:4" ht="24.95" customHeight="1" x14ac:dyDescent="0.2">
      <c r="A116" s="65" t="s">
        <v>142</v>
      </c>
      <c r="B116" s="66"/>
      <c r="C116" s="10" t="s">
        <v>9</v>
      </c>
      <c r="D116" s="37" t="s">
        <v>143</v>
      </c>
    </row>
    <row r="117" spans="1:4" ht="24.95" customHeight="1" x14ac:dyDescent="0.2">
      <c r="A117" s="65" t="s">
        <v>144</v>
      </c>
      <c r="B117" s="66"/>
      <c r="C117" s="10" t="s">
        <v>9</v>
      </c>
      <c r="D117" s="37" t="s">
        <v>145</v>
      </c>
    </row>
    <row r="118" spans="1:4" ht="24.95" customHeight="1" x14ac:dyDescent="0.2">
      <c r="A118" s="65" t="s">
        <v>146</v>
      </c>
      <c r="B118" s="66"/>
      <c r="C118" s="10" t="s">
        <v>9</v>
      </c>
      <c r="D118" s="37" t="s">
        <v>56</v>
      </c>
    </row>
    <row r="119" spans="1:4" ht="30" customHeight="1" x14ac:dyDescent="0.2">
      <c r="A119" s="65" t="s">
        <v>147</v>
      </c>
      <c r="B119" s="66"/>
      <c r="C119" s="10" t="s">
        <v>24</v>
      </c>
      <c r="D119" s="37" t="s">
        <v>25</v>
      </c>
    </row>
    <row r="120" spans="1:4" ht="30" customHeight="1" x14ac:dyDescent="0.2">
      <c r="A120" s="65" t="s">
        <v>148</v>
      </c>
      <c r="B120" s="66"/>
      <c r="C120" s="10" t="s">
        <v>24</v>
      </c>
      <c r="D120" s="37" t="s">
        <v>27</v>
      </c>
    </row>
    <row r="121" spans="1:4" ht="30" customHeight="1" x14ac:dyDescent="0.2">
      <c r="A121" s="65" t="s">
        <v>149</v>
      </c>
      <c r="B121" s="66"/>
      <c r="C121" s="10" t="s">
        <v>24</v>
      </c>
      <c r="D121" s="37" t="s">
        <v>18</v>
      </c>
    </row>
    <row r="122" spans="1:4" ht="33" customHeight="1" x14ac:dyDescent="0.2">
      <c r="A122" s="76" t="s">
        <v>7</v>
      </c>
      <c r="B122" s="77"/>
      <c r="C122" s="9" t="s">
        <v>5</v>
      </c>
      <c r="D122" s="36" t="s">
        <v>439</v>
      </c>
    </row>
    <row r="123" spans="1:4" ht="24.95" customHeight="1" x14ac:dyDescent="0.2">
      <c r="A123" s="95" t="s">
        <v>150</v>
      </c>
      <c r="B123" s="96"/>
      <c r="C123" s="10" t="s">
        <v>9</v>
      </c>
      <c r="D123" s="37" t="s">
        <v>10</v>
      </c>
    </row>
    <row r="124" spans="1:4" ht="24.95" customHeight="1" x14ac:dyDescent="0.2">
      <c r="A124" s="95" t="s">
        <v>151</v>
      </c>
      <c r="B124" s="96"/>
      <c r="C124" s="10" t="s">
        <v>9</v>
      </c>
      <c r="D124" s="37" t="s">
        <v>10</v>
      </c>
    </row>
    <row r="125" spans="1:4" ht="24.95" customHeight="1" x14ac:dyDescent="0.2">
      <c r="A125" s="95" t="s">
        <v>152</v>
      </c>
      <c r="B125" s="96"/>
      <c r="C125" s="10" t="s">
        <v>9</v>
      </c>
      <c r="D125" s="37" t="s">
        <v>10</v>
      </c>
    </row>
    <row r="126" spans="1:4" ht="24.95" customHeight="1" x14ac:dyDescent="0.2">
      <c r="A126" s="95" t="s">
        <v>153</v>
      </c>
      <c r="B126" s="96"/>
      <c r="C126" s="10" t="s">
        <v>9</v>
      </c>
      <c r="D126" s="37" t="s">
        <v>10</v>
      </c>
    </row>
    <row r="127" spans="1:4" ht="24.95" customHeight="1" x14ac:dyDescent="0.2">
      <c r="A127" s="95" t="s">
        <v>154</v>
      </c>
      <c r="B127" s="96"/>
      <c r="C127" s="10" t="s">
        <v>9</v>
      </c>
      <c r="D127" s="37" t="s">
        <v>10</v>
      </c>
    </row>
    <row r="128" spans="1:4" ht="24.95" customHeight="1" x14ac:dyDescent="0.2">
      <c r="A128" s="95" t="s">
        <v>155</v>
      </c>
      <c r="B128" s="96"/>
      <c r="C128" s="10" t="s">
        <v>9</v>
      </c>
      <c r="D128" s="37" t="s">
        <v>10</v>
      </c>
    </row>
    <row r="129" spans="1:4" ht="24.95" customHeight="1" x14ac:dyDescent="0.2">
      <c r="A129" s="95" t="s">
        <v>156</v>
      </c>
      <c r="B129" s="96"/>
      <c r="C129" s="10" t="s">
        <v>9</v>
      </c>
      <c r="D129" s="37" t="s">
        <v>10</v>
      </c>
    </row>
    <row r="130" spans="1:4" ht="24.95" customHeight="1" x14ac:dyDescent="0.2">
      <c r="A130" s="95" t="s">
        <v>157</v>
      </c>
      <c r="B130" s="96"/>
      <c r="C130" s="10" t="s">
        <v>9</v>
      </c>
      <c r="D130" s="37" t="s">
        <v>10</v>
      </c>
    </row>
    <row r="131" spans="1:4" ht="24.95" customHeight="1" x14ac:dyDescent="0.2">
      <c r="A131" s="95" t="s">
        <v>158</v>
      </c>
      <c r="B131" s="96"/>
      <c r="C131" s="10" t="s">
        <v>9</v>
      </c>
      <c r="D131" s="37" t="s">
        <v>10</v>
      </c>
    </row>
    <row r="132" spans="1:4" ht="24.95" customHeight="1" x14ac:dyDescent="0.2">
      <c r="A132" s="95" t="s">
        <v>159</v>
      </c>
      <c r="B132" s="96"/>
      <c r="C132" s="10" t="s">
        <v>9</v>
      </c>
      <c r="D132" s="37" t="s">
        <v>10</v>
      </c>
    </row>
    <row r="133" spans="1:4" ht="24.95" customHeight="1" x14ac:dyDescent="0.2">
      <c r="A133" s="95" t="s">
        <v>160</v>
      </c>
      <c r="B133" s="96"/>
      <c r="C133" s="10" t="s">
        <v>9</v>
      </c>
      <c r="D133" s="37" t="s">
        <v>10</v>
      </c>
    </row>
    <row r="134" spans="1:4" ht="24.95" customHeight="1" x14ac:dyDescent="0.2">
      <c r="A134" s="95" t="s">
        <v>161</v>
      </c>
      <c r="B134" s="96"/>
      <c r="C134" s="10" t="s">
        <v>9</v>
      </c>
      <c r="D134" s="37" t="s">
        <v>20</v>
      </c>
    </row>
    <row r="135" spans="1:4" ht="24.95" customHeight="1" x14ac:dyDescent="0.2">
      <c r="A135" s="95" t="s">
        <v>162</v>
      </c>
      <c r="B135" s="96"/>
      <c r="C135" s="10" t="s">
        <v>9</v>
      </c>
      <c r="D135" s="37" t="s">
        <v>14</v>
      </c>
    </row>
    <row r="136" spans="1:4" ht="24.95" customHeight="1" x14ac:dyDescent="0.2">
      <c r="A136" s="95" t="s">
        <v>163</v>
      </c>
      <c r="B136" s="96"/>
      <c r="C136" s="10" t="s">
        <v>29</v>
      </c>
      <c r="D136" s="37" t="s">
        <v>164</v>
      </c>
    </row>
    <row r="137" spans="1:4" ht="24.95" customHeight="1" x14ac:dyDescent="0.2">
      <c r="A137" s="95" t="s">
        <v>165</v>
      </c>
      <c r="B137" s="96"/>
      <c r="C137" s="10" t="s">
        <v>29</v>
      </c>
      <c r="D137" s="37" t="s">
        <v>166</v>
      </c>
    </row>
    <row r="138" spans="1:4" ht="30" customHeight="1" x14ac:dyDescent="0.2">
      <c r="A138" s="97" t="s">
        <v>31</v>
      </c>
      <c r="B138" s="98"/>
      <c r="C138" s="98"/>
      <c r="D138" s="99"/>
    </row>
    <row r="139" spans="1:4" ht="24.95" customHeight="1" x14ac:dyDescent="0.2">
      <c r="A139" s="25" t="s">
        <v>167</v>
      </c>
      <c r="B139" s="89" t="s">
        <v>168</v>
      </c>
      <c r="C139" s="90"/>
      <c r="D139" s="91"/>
    </row>
    <row r="140" spans="1:4" ht="30" customHeight="1" x14ac:dyDescent="0.2">
      <c r="A140" s="12" t="s">
        <v>34</v>
      </c>
      <c r="B140" s="83" t="s">
        <v>169</v>
      </c>
      <c r="C140" s="84"/>
      <c r="D140" s="85"/>
    </row>
    <row r="141" spans="1:4" ht="39.950000000000003" customHeight="1" x14ac:dyDescent="0.2">
      <c r="A141" s="12" t="s">
        <v>36</v>
      </c>
      <c r="B141" s="83" t="s">
        <v>170</v>
      </c>
      <c r="C141" s="84"/>
      <c r="D141" s="85"/>
    </row>
    <row r="142" spans="1:4" ht="54.95" customHeight="1" x14ac:dyDescent="0.2">
      <c r="A142" s="12" t="s">
        <v>38</v>
      </c>
      <c r="B142" s="83" t="s">
        <v>171</v>
      </c>
      <c r="C142" s="84"/>
      <c r="D142" s="85"/>
    </row>
    <row r="143" spans="1:4" ht="80.099999999999994" customHeight="1" x14ac:dyDescent="0.2">
      <c r="A143" s="12" t="s">
        <v>40</v>
      </c>
      <c r="B143" s="83" t="s">
        <v>172</v>
      </c>
      <c r="C143" s="84"/>
      <c r="D143" s="85"/>
    </row>
    <row r="144" spans="1:4" ht="39.950000000000003" customHeight="1" x14ac:dyDescent="0.2">
      <c r="A144" s="12" t="s">
        <v>42</v>
      </c>
      <c r="B144" s="83" t="s">
        <v>173</v>
      </c>
      <c r="C144" s="84"/>
      <c r="D144" s="85"/>
    </row>
    <row r="145" spans="1:4" ht="39.950000000000003" customHeight="1" x14ac:dyDescent="0.2">
      <c r="A145" s="12" t="s">
        <v>44</v>
      </c>
      <c r="B145" s="83" t="s">
        <v>174</v>
      </c>
      <c r="C145" s="84"/>
      <c r="D145" s="85"/>
    </row>
    <row r="146" spans="1:4" ht="30" customHeight="1" thickBot="1" x14ac:dyDescent="0.25">
      <c r="A146" s="13" t="s">
        <v>46</v>
      </c>
      <c r="B146" s="83" t="s">
        <v>175</v>
      </c>
      <c r="C146" s="84"/>
      <c r="D146" s="85"/>
    </row>
    <row r="147" spans="1:4" ht="30" customHeight="1" x14ac:dyDescent="0.2">
      <c r="A147" s="92" t="s">
        <v>176</v>
      </c>
      <c r="B147" s="93"/>
      <c r="C147" s="93"/>
      <c r="D147" s="94"/>
    </row>
    <row r="148" spans="1:4" ht="30" customHeight="1" x14ac:dyDescent="0.2">
      <c r="A148" s="67" t="s">
        <v>4</v>
      </c>
      <c r="B148" s="68"/>
      <c r="C148" s="9" t="s">
        <v>5</v>
      </c>
      <c r="D148" s="36" t="s">
        <v>6</v>
      </c>
    </row>
    <row r="149" spans="1:4" ht="24.95" customHeight="1" x14ac:dyDescent="0.2">
      <c r="A149" s="65" t="s">
        <v>177</v>
      </c>
      <c r="B149" s="66"/>
      <c r="C149" s="10" t="s">
        <v>9</v>
      </c>
      <c r="D149" s="37" t="s">
        <v>10</v>
      </c>
    </row>
    <row r="150" spans="1:4" ht="24.95" customHeight="1" x14ac:dyDescent="0.2">
      <c r="A150" s="65" t="s">
        <v>178</v>
      </c>
      <c r="B150" s="66"/>
      <c r="C150" s="10" t="s">
        <v>9</v>
      </c>
      <c r="D150" s="37" t="s">
        <v>10</v>
      </c>
    </row>
    <row r="151" spans="1:4" ht="24.95" customHeight="1" x14ac:dyDescent="0.2">
      <c r="A151" s="65" t="s">
        <v>179</v>
      </c>
      <c r="B151" s="66"/>
      <c r="C151" s="10" t="s">
        <v>9</v>
      </c>
      <c r="D151" s="37" t="s">
        <v>10</v>
      </c>
    </row>
    <row r="152" spans="1:4" ht="24.95" customHeight="1" x14ac:dyDescent="0.2">
      <c r="A152" s="65" t="s">
        <v>180</v>
      </c>
      <c r="B152" s="66"/>
      <c r="C152" s="10" t="s">
        <v>9</v>
      </c>
      <c r="D152" s="37" t="s">
        <v>10</v>
      </c>
    </row>
    <row r="153" spans="1:4" ht="24.95" customHeight="1" x14ac:dyDescent="0.2">
      <c r="A153" s="65" t="s">
        <v>181</v>
      </c>
      <c r="B153" s="66"/>
      <c r="C153" s="10" t="s">
        <v>9</v>
      </c>
      <c r="D153" s="37" t="s">
        <v>10</v>
      </c>
    </row>
    <row r="154" spans="1:4" ht="24.95" customHeight="1" x14ac:dyDescent="0.2">
      <c r="A154" s="65" t="s">
        <v>182</v>
      </c>
      <c r="B154" s="66"/>
      <c r="C154" s="10" t="s">
        <v>9</v>
      </c>
      <c r="D154" s="37" t="s">
        <v>10</v>
      </c>
    </row>
    <row r="155" spans="1:4" ht="24.95" customHeight="1" x14ac:dyDescent="0.2">
      <c r="A155" s="65" t="s">
        <v>183</v>
      </c>
      <c r="B155" s="66"/>
      <c r="C155" s="10" t="s">
        <v>9</v>
      </c>
      <c r="D155" s="37" t="s">
        <v>10</v>
      </c>
    </row>
    <row r="156" spans="1:4" ht="24.95" customHeight="1" x14ac:dyDescent="0.2">
      <c r="A156" s="65" t="s">
        <v>184</v>
      </c>
      <c r="B156" s="66"/>
      <c r="C156" s="10" t="s">
        <v>9</v>
      </c>
      <c r="D156" s="37" t="s">
        <v>10</v>
      </c>
    </row>
    <row r="157" spans="1:4" ht="24.95" customHeight="1" x14ac:dyDescent="0.2">
      <c r="A157" s="65" t="s">
        <v>185</v>
      </c>
      <c r="B157" s="66"/>
      <c r="C157" s="10" t="s">
        <v>9</v>
      </c>
      <c r="D157" s="37" t="s">
        <v>16</v>
      </c>
    </row>
    <row r="158" spans="1:4" ht="24.95" customHeight="1" x14ac:dyDescent="0.2">
      <c r="A158" s="65" t="s">
        <v>186</v>
      </c>
      <c r="B158" s="66"/>
      <c r="C158" s="10" t="s">
        <v>9</v>
      </c>
      <c r="D158" s="37" t="s">
        <v>18</v>
      </c>
    </row>
    <row r="159" spans="1:4" ht="24.95" customHeight="1" x14ac:dyDescent="0.2">
      <c r="A159" s="65" t="s">
        <v>187</v>
      </c>
      <c r="B159" s="66"/>
      <c r="C159" s="10" t="s">
        <v>9</v>
      </c>
      <c r="D159" s="37" t="s">
        <v>141</v>
      </c>
    </row>
    <row r="160" spans="1:4" ht="24.95" customHeight="1" x14ac:dyDescent="0.2">
      <c r="A160" s="65" t="s">
        <v>188</v>
      </c>
      <c r="B160" s="66"/>
      <c r="C160" s="10" t="s">
        <v>9</v>
      </c>
      <c r="D160" s="37" t="s">
        <v>189</v>
      </c>
    </row>
    <row r="161" spans="1:4" ht="24.95" customHeight="1" x14ac:dyDescent="0.2">
      <c r="A161" s="65" t="s">
        <v>190</v>
      </c>
      <c r="B161" s="66"/>
      <c r="C161" s="10" t="s">
        <v>9</v>
      </c>
      <c r="D161" s="37" t="s">
        <v>191</v>
      </c>
    </row>
    <row r="162" spans="1:4" ht="24.95" customHeight="1" x14ac:dyDescent="0.2">
      <c r="A162" s="65" t="s">
        <v>192</v>
      </c>
      <c r="B162" s="66"/>
      <c r="C162" s="10" t="s">
        <v>9</v>
      </c>
      <c r="D162" s="37" t="s">
        <v>10</v>
      </c>
    </row>
    <row r="163" spans="1:4" ht="24.95" customHeight="1" x14ac:dyDescent="0.2">
      <c r="A163" s="65" t="s">
        <v>193</v>
      </c>
      <c r="B163" s="66"/>
      <c r="C163" s="10" t="s">
        <v>9</v>
      </c>
      <c r="D163" s="37" t="s">
        <v>56</v>
      </c>
    </row>
    <row r="164" spans="1:4" ht="24.95" customHeight="1" x14ac:dyDescent="0.2">
      <c r="A164" s="65" t="s">
        <v>194</v>
      </c>
      <c r="B164" s="66"/>
      <c r="C164" s="10" t="s">
        <v>9</v>
      </c>
      <c r="D164" s="37" t="s">
        <v>195</v>
      </c>
    </row>
    <row r="165" spans="1:4" ht="24.95" customHeight="1" x14ac:dyDescent="0.2">
      <c r="A165" s="65" t="s">
        <v>196</v>
      </c>
      <c r="B165" s="66"/>
      <c r="C165" s="10" t="s">
        <v>9</v>
      </c>
      <c r="D165" s="37" t="s">
        <v>85</v>
      </c>
    </row>
    <row r="166" spans="1:4" ht="24.95" customHeight="1" x14ac:dyDescent="0.2">
      <c r="A166" s="65" t="s">
        <v>197</v>
      </c>
      <c r="B166" s="66"/>
      <c r="C166" s="10" t="s">
        <v>9</v>
      </c>
      <c r="D166" s="38" t="s">
        <v>10</v>
      </c>
    </row>
    <row r="167" spans="1:4" ht="24.95" customHeight="1" x14ac:dyDescent="0.2">
      <c r="A167" s="65" t="s">
        <v>198</v>
      </c>
      <c r="B167" s="66"/>
      <c r="C167" s="10" t="s">
        <v>9</v>
      </c>
      <c r="D167" s="38" t="s">
        <v>10</v>
      </c>
    </row>
    <row r="168" spans="1:4" ht="24.95" customHeight="1" x14ac:dyDescent="0.2">
      <c r="A168" s="65" t="s">
        <v>199</v>
      </c>
      <c r="B168" s="66"/>
      <c r="C168" s="10" t="s">
        <v>9</v>
      </c>
      <c r="D168" s="38" t="s">
        <v>10</v>
      </c>
    </row>
    <row r="169" spans="1:4" ht="24.95" customHeight="1" x14ac:dyDescent="0.2">
      <c r="A169" s="65" t="s">
        <v>200</v>
      </c>
      <c r="B169" s="66"/>
      <c r="C169" s="10" t="s">
        <v>9</v>
      </c>
      <c r="D169" s="38" t="s">
        <v>10</v>
      </c>
    </row>
    <row r="170" spans="1:4" ht="24.95" customHeight="1" x14ac:dyDescent="0.2">
      <c r="A170" s="65" t="s">
        <v>201</v>
      </c>
      <c r="B170" s="66"/>
      <c r="C170" s="10" t="s">
        <v>9</v>
      </c>
      <c r="D170" s="38" t="s">
        <v>10</v>
      </c>
    </row>
    <row r="171" spans="1:4" ht="30" customHeight="1" x14ac:dyDescent="0.2">
      <c r="A171" s="65" t="s">
        <v>202</v>
      </c>
      <c r="B171" s="66"/>
      <c r="C171" s="10" t="s">
        <v>24</v>
      </c>
      <c r="D171" s="37" t="s">
        <v>27</v>
      </c>
    </row>
    <row r="172" spans="1:4" ht="24.95" customHeight="1" x14ac:dyDescent="0.2">
      <c r="A172" s="97" t="s">
        <v>31</v>
      </c>
      <c r="B172" s="98"/>
      <c r="C172" s="98"/>
      <c r="D172" s="99"/>
    </row>
    <row r="173" spans="1:4" ht="24.95" customHeight="1" x14ac:dyDescent="0.2">
      <c r="A173" s="25" t="s">
        <v>203</v>
      </c>
      <c r="B173" s="89" t="s">
        <v>204</v>
      </c>
      <c r="C173" s="90"/>
      <c r="D173" s="91"/>
    </row>
    <row r="174" spans="1:4" ht="30" customHeight="1" x14ac:dyDescent="0.2">
      <c r="A174" s="12" t="s">
        <v>34</v>
      </c>
      <c r="B174" s="83" t="s">
        <v>205</v>
      </c>
      <c r="C174" s="84"/>
      <c r="D174" s="85"/>
    </row>
    <row r="175" spans="1:4" ht="80.099999999999994" customHeight="1" x14ac:dyDescent="0.2">
      <c r="A175" s="12" t="s">
        <v>36</v>
      </c>
      <c r="B175" s="83" t="s">
        <v>206</v>
      </c>
      <c r="C175" s="84"/>
      <c r="D175" s="85"/>
    </row>
    <row r="176" spans="1:4" ht="54.95" customHeight="1" x14ac:dyDescent="0.2">
      <c r="A176" s="12" t="s">
        <v>38</v>
      </c>
      <c r="B176" s="83" t="s">
        <v>207</v>
      </c>
      <c r="C176" s="84"/>
      <c r="D176" s="85"/>
    </row>
    <row r="177" spans="1:4" ht="80.099999999999994" customHeight="1" x14ac:dyDescent="0.2">
      <c r="A177" s="12" t="s">
        <v>40</v>
      </c>
      <c r="B177" s="83" t="s">
        <v>208</v>
      </c>
      <c r="C177" s="84"/>
      <c r="D177" s="85"/>
    </row>
    <row r="178" spans="1:4" ht="30" customHeight="1" x14ac:dyDescent="0.2">
      <c r="A178" s="12" t="s">
        <v>42</v>
      </c>
      <c r="B178" s="83" t="s">
        <v>209</v>
      </c>
      <c r="C178" s="84"/>
      <c r="D178" s="85"/>
    </row>
    <row r="179" spans="1:4" ht="24.95" customHeight="1" x14ac:dyDescent="0.2">
      <c r="A179" s="12" t="s">
        <v>44</v>
      </c>
      <c r="B179" s="83" t="s">
        <v>210</v>
      </c>
      <c r="C179" s="84"/>
      <c r="D179" s="85"/>
    </row>
    <row r="180" spans="1:4" ht="39.950000000000003" customHeight="1" x14ac:dyDescent="0.2">
      <c r="A180" s="12" t="s">
        <v>46</v>
      </c>
      <c r="B180" s="83" t="s">
        <v>211</v>
      </c>
      <c r="C180" s="84"/>
      <c r="D180" s="85"/>
    </row>
    <row r="181" spans="1:4" ht="30" customHeight="1" thickBot="1" x14ac:dyDescent="0.25">
      <c r="A181" s="12" t="s">
        <v>48</v>
      </c>
      <c r="B181" s="83" t="s">
        <v>212</v>
      </c>
      <c r="C181" s="84"/>
      <c r="D181" s="85"/>
    </row>
    <row r="182" spans="1:4" ht="24.95" customHeight="1" x14ac:dyDescent="0.2">
      <c r="A182" s="92" t="s">
        <v>213</v>
      </c>
      <c r="B182" s="93"/>
      <c r="C182" s="93"/>
      <c r="D182" s="94"/>
    </row>
    <row r="183" spans="1:4" ht="24.95" customHeight="1" x14ac:dyDescent="0.2">
      <c r="A183" s="67" t="s">
        <v>4</v>
      </c>
      <c r="B183" s="68"/>
      <c r="C183" s="9" t="s">
        <v>5</v>
      </c>
      <c r="D183" s="36" t="s">
        <v>6</v>
      </c>
    </row>
    <row r="184" spans="1:4" ht="24.95" customHeight="1" x14ac:dyDescent="0.2">
      <c r="A184" s="65" t="s">
        <v>214</v>
      </c>
      <c r="B184" s="66"/>
      <c r="C184" s="10" t="s">
        <v>9</v>
      </c>
      <c r="D184" s="37" t="s">
        <v>215</v>
      </c>
    </row>
    <row r="185" spans="1:4" ht="24.95" customHeight="1" x14ac:dyDescent="0.2">
      <c r="A185" s="65" t="s">
        <v>216</v>
      </c>
      <c r="B185" s="66"/>
      <c r="C185" s="10" t="s">
        <v>9</v>
      </c>
      <c r="D185" s="37" t="s">
        <v>217</v>
      </c>
    </row>
    <row r="186" spans="1:4" ht="24.95" customHeight="1" x14ac:dyDescent="0.2">
      <c r="A186" s="65" t="s">
        <v>218</v>
      </c>
      <c r="B186" s="66"/>
      <c r="C186" s="10" t="s">
        <v>9</v>
      </c>
      <c r="D186" s="37" t="s">
        <v>10</v>
      </c>
    </row>
    <row r="187" spans="1:4" ht="24.95" customHeight="1" x14ac:dyDescent="0.2">
      <c r="A187" s="65" t="s">
        <v>219</v>
      </c>
      <c r="B187" s="66"/>
      <c r="C187" s="10" t="s">
        <v>9</v>
      </c>
      <c r="D187" s="37" t="s">
        <v>18</v>
      </c>
    </row>
    <row r="188" spans="1:4" ht="24.95" customHeight="1" x14ac:dyDescent="0.2">
      <c r="A188" s="65" t="s">
        <v>220</v>
      </c>
      <c r="B188" s="66"/>
      <c r="C188" s="10" t="s">
        <v>9</v>
      </c>
      <c r="D188" s="37" t="s">
        <v>18</v>
      </c>
    </row>
    <row r="189" spans="1:4" ht="24.95" customHeight="1" x14ac:dyDescent="0.2">
      <c r="A189" s="100" t="s">
        <v>221</v>
      </c>
      <c r="B189" s="101"/>
      <c r="C189" s="101"/>
      <c r="D189" s="102"/>
    </row>
    <row r="190" spans="1:4" ht="24.95" customHeight="1" x14ac:dyDescent="0.2">
      <c r="A190" s="65" t="s">
        <v>222</v>
      </c>
      <c r="B190" s="66"/>
      <c r="C190" s="10" t="s">
        <v>9</v>
      </c>
      <c r="D190" s="37" t="s">
        <v>223</v>
      </c>
    </row>
    <row r="191" spans="1:4" ht="24.95" customHeight="1" x14ac:dyDescent="0.2">
      <c r="A191" s="65" t="s">
        <v>224</v>
      </c>
      <c r="B191" s="66"/>
      <c r="C191" s="10" t="s">
        <v>9</v>
      </c>
      <c r="D191" s="37" t="s">
        <v>225</v>
      </c>
    </row>
    <row r="192" spans="1:4" ht="30" customHeight="1" x14ac:dyDescent="0.2">
      <c r="A192" s="65" t="s">
        <v>226</v>
      </c>
      <c r="B192" s="66"/>
      <c r="C192" s="10" t="s">
        <v>9</v>
      </c>
      <c r="D192" s="37" t="s">
        <v>27</v>
      </c>
    </row>
    <row r="193" spans="1:4" ht="30" customHeight="1" x14ac:dyDescent="0.2">
      <c r="A193" s="97" t="s">
        <v>31</v>
      </c>
      <c r="B193" s="98"/>
      <c r="C193" s="98"/>
      <c r="D193" s="99"/>
    </row>
    <row r="194" spans="1:4" ht="24.95" customHeight="1" x14ac:dyDescent="0.2">
      <c r="A194" s="25" t="s">
        <v>227</v>
      </c>
      <c r="B194" s="89" t="s">
        <v>228</v>
      </c>
      <c r="C194" s="90"/>
      <c r="D194" s="91"/>
    </row>
    <row r="195" spans="1:4" ht="30" customHeight="1" x14ac:dyDescent="0.2">
      <c r="A195" s="12" t="s">
        <v>34</v>
      </c>
      <c r="B195" s="83" t="s">
        <v>229</v>
      </c>
      <c r="C195" s="84"/>
      <c r="D195" s="85"/>
    </row>
    <row r="196" spans="1:4" ht="30" customHeight="1" x14ac:dyDescent="0.2">
      <c r="A196" s="12" t="s">
        <v>36</v>
      </c>
      <c r="B196" s="83" t="s">
        <v>230</v>
      </c>
      <c r="C196" s="84"/>
      <c r="D196" s="85"/>
    </row>
    <row r="197" spans="1:4" ht="110.1" customHeight="1" x14ac:dyDescent="0.2">
      <c r="A197" s="12" t="s">
        <v>38</v>
      </c>
      <c r="B197" s="83" t="s">
        <v>231</v>
      </c>
      <c r="C197" s="84"/>
      <c r="D197" s="85"/>
    </row>
    <row r="198" spans="1:4" ht="30" customHeight="1" x14ac:dyDescent="0.2">
      <c r="A198" s="12" t="s">
        <v>40</v>
      </c>
      <c r="B198" s="83" t="s">
        <v>232</v>
      </c>
      <c r="C198" s="84"/>
      <c r="D198" s="85"/>
    </row>
    <row r="199" spans="1:4" ht="24.95" customHeight="1" x14ac:dyDescent="0.2">
      <c r="A199" s="12" t="s">
        <v>42</v>
      </c>
      <c r="B199" s="83" t="s">
        <v>210</v>
      </c>
      <c r="C199" s="84"/>
      <c r="D199" s="85"/>
    </row>
    <row r="200" spans="1:4" ht="65.099999999999994" customHeight="1" x14ac:dyDescent="0.2">
      <c r="A200" s="12" t="s">
        <v>44</v>
      </c>
      <c r="B200" s="83" t="s">
        <v>233</v>
      </c>
      <c r="C200" s="84"/>
      <c r="D200" s="85"/>
    </row>
    <row r="201" spans="1:4" ht="30" customHeight="1" thickBot="1" x14ac:dyDescent="0.25">
      <c r="A201" s="12" t="s">
        <v>46</v>
      </c>
      <c r="B201" s="83" t="s">
        <v>234</v>
      </c>
      <c r="C201" s="84"/>
      <c r="D201" s="85"/>
    </row>
    <row r="202" spans="1:4" ht="30" customHeight="1" x14ac:dyDescent="0.2">
      <c r="A202" s="92" t="s">
        <v>235</v>
      </c>
      <c r="B202" s="93"/>
      <c r="C202" s="93"/>
      <c r="D202" s="94"/>
    </row>
    <row r="203" spans="1:4" ht="30" customHeight="1" x14ac:dyDescent="0.2">
      <c r="A203" s="67" t="s">
        <v>4</v>
      </c>
      <c r="B203" s="68"/>
      <c r="C203" s="9" t="s">
        <v>5</v>
      </c>
      <c r="D203" s="36" t="s">
        <v>6</v>
      </c>
    </row>
    <row r="204" spans="1:4" ht="24.95" customHeight="1" x14ac:dyDescent="0.2">
      <c r="A204" s="65" t="s">
        <v>236</v>
      </c>
      <c r="B204" s="66"/>
      <c r="C204" s="10" t="s">
        <v>9</v>
      </c>
      <c r="D204" s="37" t="s">
        <v>18</v>
      </c>
    </row>
    <row r="205" spans="1:4" ht="24.95" customHeight="1" x14ac:dyDescent="0.2">
      <c r="A205" s="65" t="s">
        <v>237</v>
      </c>
      <c r="B205" s="66"/>
      <c r="C205" s="10" t="s">
        <v>9</v>
      </c>
      <c r="D205" s="37" t="s">
        <v>18</v>
      </c>
    </row>
    <row r="206" spans="1:4" ht="24.95" customHeight="1" x14ac:dyDescent="0.2">
      <c r="A206" s="65" t="s">
        <v>238</v>
      </c>
      <c r="B206" s="66"/>
      <c r="C206" s="10" t="s">
        <v>9</v>
      </c>
      <c r="D206" s="37" t="s">
        <v>20</v>
      </c>
    </row>
    <row r="207" spans="1:4" ht="24.95" customHeight="1" x14ac:dyDescent="0.2">
      <c r="A207" s="65" t="s">
        <v>239</v>
      </c>
      <c r="B207" s="66"/>
      <c r="C207" s="10" t="s">
        <v>9</v>
      </c>
      <c r="D207" s="37" t="s">
        <v>10</v>
      </c>
    </row>
    <row r="208" spans="1:4" ht="24.95" customHeight="1" x14ac:dyDescent="0.2">
      <c r="A208" s="65" t="s">
        <v>240</v>
      </c>
      <c r="B208" s="66"/>
      <c r="C208" s="10" t="s">
        <v>9</v>
      </c>
      <c r="D208" s="37" t="s">
        <v>18</v>
      </c>
    </row>
    <row r="209" spans="1:4" ht="24.95" customHeight="1" x14ac:dyDescent="0.2">
      <c r="A209" s="65" t="s">
        <v>241</v>
      </c>
      <c r="B209" s="66"/>
      <c r="C209" s="10" t="s">
        <v>9</v>
      </c>
      <c r="D209" s="37" t="s">
        <v>18</v>
      </c>
    </row>
    <row r="210" spans="1:4" ht="24.95" customHeight="1" x14ac:dyDescent="0.2">
      <c r="A210" s="65" t="s">
        <v>242</v>
      </c>
      <c r="B210" s="66"/>
      <c r="C210" s="10" t="s">
        <v>9</v>
      </c>
      <c r="D210" s="37" t="s">
        <v>10</v>
      </c>
    </row>
    <row r="211" spans="1:4" ht="24.95" customHeight="1" x14ac:dyDescent="0.2">
      <c r="A211" s="65" t="s">
        <v>243</v>
      </c>
      <c r="B211" s="66"/>
      <c r="C211" s="10" t="s">
        <v>9</v>
      </c>
      <c r="D211" s="37" t="s">
        <v>10</v>
      </c>
    </row>
    <row r="212" spans="1:4" ht="24.95" customHeight="1" x14ac:dyDescent="0.2">
      <c r="A212" s="65" t="s">
        <v>240</v>
      </c>
      <c r="B212" s="66"/>
      <c r="C212" s="10" t="s">
        <v>9</v>
      </c>
      <c r="D212" s="37" t="s">
        <v>18</v>
      </c>
    </row>
    <row r="213" spans="1:4" ht="24.95" customHeight="1" x14ac:dyDescent="0.2">
      <c r="A213" s="65" t="s">
        <v>241</v>
      </c>
      <c r="B213" s="66"/>
      <c r="C213" s="10" t="s">
        <v>9</v>
      </c>
      <c r="D213" s="37" t="s">
        <v>18</v>
      </c>
    </row>
    <row r="214" spans="1:4" ht="24.95" customHeight="1" x14ac:dyDescent="0.2">
      <c r="A214" s="65" t="s">
        <v>242</v>
      </c>
      <c r="B214" s="66"/>
      <c r="C214" s="10" t="s">
        <v>9</v>
      </c>
      <c r="D214" s="37" t="s">
        <v>10</v>
      </c>
    </row>
    <row r="215" spans="1:4" ht="24.95" customHeight="1" x14ac:dyDescent="0.2">
      <c r="A215" s="65" t="s">
        <v>244</v>
      </c>
      <c r="B215" s="66"/>
      <c r="C215" s="10" t="s">
        <v>9</v>
      </c>
      <c r="D215" s="37" t="s">
        <v>18</v>
      </c>
    </row>
    <row r="216" spans="1:4" ht="30" customHeight="1" x14ac:dyDescent="0.2">
      <c r="A216" s="65" t="s">
        <v>245</v>
      </c>
      <c r="B216" s="66"/>
      <c r="C216" s="10" t="s">
        <v>9</v>
      </c>
      <c r="D216" s="37" t="s">
        <v>20</v>
      </c>
    </row>
    <row r="217" spans="1:4" ht="24.95" customHeight="1" x14ac:dyDescent="0.2">
      <c r="A217" s="65" t="s">
        <v>246</v>
      </c>
      <c r="B217" s="66"/>
      <c r="C217" s="10" t="s">
        <v>9</v>
      </c>
      <c r="D217" s="37" t="s">
        <v>10</v>
      </c>
    </row>
    <row r="218" spans="1:4" ht="24.95" customHeight="1" x14ac:dyDescent="0.2">
      <c r="A218" s="65" t="s">
        <v>247</v>
      </c>
      <c r="B218" s="66"/>
      <c r="C218" s="10" t="s">
        <v>9</v>
      </c>
      <c r="D218" s="37" t="s">
        <v>10</v>
      </c>
    </row>
    <row r="219" spans="1:4" ht="24.95" customHeight="1" x14ac:dyDescent="0.2">
      <c r="A219" s="65" t="s">
        <v>248</v>
      </c>
      <c r="B219" s="66"/>
      <c r="C219" s="10" t="s">
        <v>9</v>
      </c>
      <c r="D219" s="37" t="s">
        <v>10</v>
      </c>
    </row>
    <row r="220" spans="1:4" ht="39.950000000000003" customHeight="1" x14ac:dyDescent="0.2">
      <c r="A220" s="65" t="s">
        <v>457</v>
      </c>
      <c r="B220" s="66"/>
      <c r="C220" s="10" t="s">
        <v>9</v>
      </c>
      <c r="D220" s="37" t="s">
        <v>10</v>
      </c>
    </row>
    <row r="221" spans="1:4" ht="24.95" customHeight="1" x14ac:dyDescent="0.2">
      <c r="A221" s="65" t="s">
        <v>249</v>
      </c>
      <c r="B221" s="66"/>
      <c r="C221" s="10" t="s">
        <v>9</v>
      </c>
      <c r="D221" s="37" t="s">
        <v>10</v>
      </c>
    </row>
    <row r="222" spans="1:4" ht="24.95" customHeight="1" x14ac:dyDescent="0.2">
      <c r="A222" s="65" t="s">
        <v>250</v>
      </c>
      <c r="B222" s="66"/>
      <c r="C222" s="10" t="s">
        <v>9</v>
      </c>
      <c r="D222" s="37" t="s">
        <v>10</v>
      </c>
    </row>
    <row r="223" spans="1:4" ht="24.95" customHeight="1" x14ac:dyDescent="0.2">
      <c r="A223" s="65" t="s">
        <v>251</v>
      </c>
      <c r="B223" s="66"/>
      <c r="C223" s="10" t="s">
        <v>9</v>
      </c>
      <c r="D223" s="37" t="s">
        <v>10</v>
      </c>
    </row>
    <row r="224" spans="1:4" ht="24.95" customHeight="1" x14ac:dyDescent="0.2">
      <c r="A224" s="65" t="s">
        <v>252</v>
      </c>
      <c r="B224" s="66"/>
      <c r="C224" s="10" t="s">
        <v>9</v>
      </c>
      <c r="D224" s="37" t="s">
        <v>10</v>
      </c>
    </row>
    <row r="225" spans="1:4" ht="24.95" customHeight="1" x14ac:dyDescent="0.2">
      <c r="A225" s="65" t="s">
        <v>253</v>
      </c>
      <c r="B225" s="66"/>
      <c r="C225" s="10" t="s">
        <v>9</v>
      </c>
      <c r="D225" s="37" t="s">
        <v>10</v>
      </c>
    </row>
    <row r="226" spans="1:4" ht="24.95" customHeight="1" x14ac:dyDescent="0.2">
      <c r="A226" s="65" t="s">
        <v>254</v>
      </c>
      <c r="B226" s="66"/>
      <c r="C226" s="10" t="s">
        <v>9</v>
      </c>
      <c r="D226" s="37" t="s">
        <v>10</v>
      </c>
    </row>
    <row r="227" spans="1:4" ht="24.95" customHeight="1" x14ac:dyDescent="0.2">
      <c r="A227" s="65" t="s">
        <v>253</v>
      </c>
      <c r="B227" s="66"/>
      <c r="C227" s="10" t="s">
        <v>9</v>
      </c>
      <c r="D227" s="37" t="s">
        <v>10</v>
      </c>
    </row>
    <row r="228" spans="1:4" ht="24.95" customHeight="1" x14ac:dyDescent="0.2">
      <c r="A228" s="65" t="s">
        <v>255</v>
      </c>
      <c r="B228" s="66"/>
      <c r="C228" s="10" t="s">
        <v>9</v>
      </c>
      <c r="D228" s="37" t="s">
        <v>27</v>
      </c>
    </row>
    <row r="229" spans="1:4" ht="24.95" customHeight="1" x14ac:dyDescent="0.2">
      <c r="A229" s="65" t="s">
        <v>256</v>
      </c>
      <c r="B229" s="66"/>
      <c r="C229" s="10" t="s">
        <v>9</v>
      </c>
      <c r="D229" s="37" t="s">
        <v>27</v>
      </c>
    </row>
    <row r="230" spans="1:4" ht="24.95" customHeight="1" x14ac:dyDescent="0.2">
      <c r="A230" s="65" t="s">
        <v>257</v>
      </c>
      <c r="B230" s="66"/>
      <c r="C230" s="10" t="s">
        <v>9</v>
      </c>
      <c r="D230" s="37" t="s">
        <v>18</v>
      </c>
    </row>
    <row r="231" spans="1:4" ht="30" customHeight="1" x14ac:dyDescent="0.2">
      <c r="A231" s="97" t="s">
        <v>31</v>
      </c>
      <c r="B231" s="98"/>
      <c r="C231" s="98"/>
      <c r="D231" s="99"/>
    </row>
    <row r="232" spans="1:4" ht="24.95" customHeight="1" x14ac:dyDescent="0.2">
      <c r="A232" s="25" t="s">
        <v>258</v>
      </c>
      <c r="B232" s="89" t="s">
        <v>259</v>
      </c>
      <c r="C232" s="90"/>
      <c r="D232" s="91"/>
    </row>
    <row r="233" spans="1:4" ht="54.95" customHeight="1" x14ac:dyDescent="0.2">
      <c r="A233" s="12" t="s">
        <v>34</v>
      </c>
      <c r="B233" s="83" t="s">
        <v>260</v>
      </c>
      <c r="C233" s="84"/>
      <c r="D233" s="85"/>
    </row>
    <row r="234" spans="1:4" ht="54.95" customHeight="1" x14ac:dyDescent="0.2">
      <c r="A234" s="12" t="s">
        <v>36</v>
      </c>
      <c r="B234" s="83" t="s">
        <v>261</v>
      </c>
      <c r="C234" s="84"/>
      <c r="D234" s="85"/>
    </row>
    <row r="235" spans="1:4" ht="80.099999999999994" customHeight="1" x14ac:dyDescent="0.2">
      <c r="A235" s="12" t="s">
        <v>38</v>
      </c>
      <c r="B235" s="83" t="s">
        <v>262</v>
      </c>
      <c r="C235" s="84"/>
      <c r="D235" s="85"/>
    </row>
    <row r="236" spans="1:4" ht="54.95" customHeight="1" x14ac:dyDescent="0.2">
      <c r="A236" s="12" t="s">
        <v>40</v>
      </c>
      <c r="B236" s="83" t="s">
        <v>263</v>
      </c>
      <c r="C236" s="84"/>
      <c r="D236" s="85"/>
    </row>
    <row r="237" spans="1:4" ht="30" customHeight="1" x14ac:dyDescent="0.2">
      <c r="A237" s="12" t="s">
        <v>42</v>
      </c>
      <c r="B237" s="83" t="s">
        <v>264</v>
      </c>
      <c r="C237" s="84"/>
      <c r="D237" s="85"/>
    </row>
    <row r="238" spans="1:4" ht="24.95" customHeight="1" x14ac:dyDescent="0.2">
      <c r="A238" s="12" t="s">
        <v>44</v>
      </c>
      <c r="B238" s="83" t="s">
        <v>265</v>
      </c>
      <c r="C238" s="84"/>
      <c r="D238" s="85"/>
    </row>
    <row r="239" spans="1:4" ht="80.099999999999994" customHeight="1" x14ac:dyDescent="0.2">
      <c r="A239" s="12" t="s">
        <v>46</v>
      </c>
      <c r="B239" s="83" t="s">
        <v>266</v>
      </c>
      <c r="C239" s="84"/>
      <c r="D239" s="85"/>
    </row>
    <row r="240" spans="1:4" ht="30" customHeight="1" thickBot="1" x14ac:dyDescent="0.25">
      <c r="A240" s="12" t="s">
        <v>48</v>
      </c>
      <c r="B240" s="83" t="s">
        <v>267</v>
      </c>
      <c r="C240" s="84"/>
      <c r="D240" s="85"/>
    </row>
    <row r="241" spans="1:4" ht="30" customHeight="1" x14ac:dyDescent="0.2">
      <c r="A241" s="92" t="s">
        <v>268</v>
      </c>
      <c r="B241" s="93"/>
      <c r="C241" s="93"/>
      <c r="D241" s="94"/>
    </row>
    <row r="242" spans="1:4" ht="30" customHeight="1" x14ac:dyDescent="0.2">
      <c r="A242" s="67" t="s">
        <v>4</v>
      </c>
      <c r="B242" s="68"/>
      <c r="C242" s="9" t="s">
        <v>5</v>
      </c>
      <c r="D242" s="36" t="s">
        <v>6</v>
      </c>
    </row>
    <row r="243" spans="1:4" ht="24.95" customHeight="1" x14ac:dyDescent="0.2">
      <c r="A243" s="65" t="s">
        <v>269</v>
      </c>
      <c r="B243" s="66"/>
      <c r="C243" s="10" t="s">
        <v>9</v>
      </c>
      <c r="D243" s="37" t="s">
        <v>56</v>
      </c>
    </row>
    <row r="244" spans="1:4" ht="24.95" customHeight="1" x14ac:dyDescent="0.2">
      <c r="A244" s="65" t="s">
        <v>270</v>
      </c>
      <c r="B244" s="66"/>
      <c r="C244" s="10" t="s">
        <v>9</v>
      </c>
      <c r="D244" s="37" t="s">
        <v>10</v>
      </c>
    </row>
    <row r="245" spans="1:4" ht="24.95" customHeight="1" x14ac:dyDescent="0.2">
      <c r="A245" s="65" t="s">
        <v>271</v>
      </c>
      <c r="B245" s="66"/>
      <c r="C245" s="10" t="s">
        <v>9</v>
      </c>
      <c r="D245" s="37" t="s">
        <v>20</v>
      </c>
    </row>
    <row r="246" spans="1:4" ht="24.95" customHeight="1" x14ac:dyDescent="0.2">
      <c r="A246" s="65" t="s">
        <v>272</v>
      </c>
      <c r="B246" s="66"/>
      <c r="C246" s="10" t="s">
        <v>9</v>
      </c>
      <c r="D246" s="37" t="s">
        <v>18</v>
      </c>
    </row>
    <row r="247" spans="1:4" ht="24.95" customHeight="1" x14ac:dyDescent="0.2">
      <c r="A247" s="65" t="s">
        <v>273</v>
      </c>
      <c r="B247" s="66"/>
      <c r="C247" s="10" t="s">
        <v>9</v>
      </c>
      <c r="D247" s="37" t="s">
        <v>10</v>
      </c>
    </row>
    <row r="248" spans="1:4" ht="24.95" customHeight="1" x14ac:dyDescent="0.2">
      <c r="A248" s="65" t="s">
        <v>274</v>
      </c>
      <c r="B248" s="66"/>
      <c r="C248" s="10" t="s">
        <v>9</v>
      </c>
      <c r="D248" s="37" t="s">
        <v>10</v>
      </c>
    </row>
    <row r="249" spans="1:4" ht="24.95" customHeight="1" x14ac:dyDescent="0.2">
      <c r="A249" s="65" t="s">
        <v>275</v>
      </c>
      <c r="B249" s="66"/>
      <c r="C249" s="10" t="s">
        <v>9</v>
      </c>
      <c r="D249" s="37" t="s">
        <v>10</v>
      </c>
    </row>
    <row r="250" spans="1:4" ht="24.95" customHeight="1" x14ac:dyDescent="0.2">
      <c r="A250" s="65" t="s">
        <v>271</v>
      </c>
      <c r="B250" s="66"/>
      <c r="C250" s="10" t="s">
        <v>9</v>
      </c>
      <c r="D250" s="37" t="s">
        <v>10</v>
      </c>
    </row>
    <row r="251" spans="1:4" ht="24.95" customHeight="1" x14ac:dyDescent="0.2">
      <c r="A251" s="65" t="s">
        <v>276</v>
      </c>
      <c r="B251" s="66"/>
      <c r="C251" s="10" t="s">
        <v>9</v>
      </c>
      <c r="D251" s="37" t="s">
        <v>10</v>
      </c>
    </row>
    <row r="252" spans="1:4" ht="24.95" customHeight="1" x14ac:dyDescent="0.2">
      <c r="A252" s="65" t="s">
        <v>277</v>
      </c>
      <c r="B252" s="66"/>
      <c r="C252" s="10" t="s">
        <v>9</v>
      </c>
      <c r="D252" s="37" t="s">
        <v>10</v>
      </c>
    </row>
    <row r="253" spans="1:4" ht="24.95" customHeight="1" x14ac:dyDescent="0.2">
      <c r="A253" s="65" t="s">
        <v>278</v>
      </c>
      <c r="B253" s="66"/>
      <c r="C253" s="10" t="s">
        <v>9</v>
      </c>
      <c r="D253" s="37" t="s">
        <v>18</v>
      </c>
    </row>
    <row r="254" spans="1:4" ht="24.95" customHeight="1" x14ac:dyDescent="0.2">
      <c r="A254" s="65" t="s">
        <v>279</v>
      </c>
      <c r="B254" s="66"/>
      <c r="C254" s="10" t="s">
        <v>9</v>
      </c>
      <c r="D254" s="37" t="s">
        <v>10</v>
      </c>
    </row>
    <row r="255" spans="1:4" ht="24.95" customHeight="1" x14ac:dyDescent="0.2">
      <c r="A255" s="65" t="s">
        <v>280</v>
      </c>
      <c r="B255" s="66"/>
      <c r="C255" s="10" t="s">
        <v>9</v>
      </c>
      <c r="D255" s="37" t="s">
        <v>281</v>
      </c>
    </row>
    <row r="256" spans="1:4" ht="24.95" customHeight="1" x14ac:dyDescent="0.2">
      <c r="A256" s="65" t="s">
        <v>282</v>
      </c>
      <c r="B256" s="66"/>
      <c r="C256" s="10" t="s">
        <v>9</v>
      </c>
      <c r="D256" s="37" t="s">
        <v>10</v>
      </c>
    </row>
    <row r="257" spans="1:4" ht="24.95" customHeight="1" x14ac:dyDescent="0.2">
      <c r="A257" s="65" t="s">
        <v>272</v>
      </c>
      <c r="B257" s="66"/>
      <c r="C257" s="10" t="s">
        <v>9</v>
      </c>
      <c r="D257" s="37" t="s">
        <v>195</v>
      </c>
    </row>
    <row r="258" spans="1:4" ht="24.95" customHeight="1" x14ac:dyDescent="0.2">
      <c r="A258" s="65" t="s">
        <v>283</v>
      </c>
      <c r="B258" s="66"/>
      <c r="C258" s="10" t="s">
        <v>9</v>
      </c>
      <c r="D258" s="37" t="s">
        <v>10</v>
      </c>
    </row>
    <row r="259" spans="1:4" ht="24.95" customHeight="1" x14ac:dyDescent="0.2">
      <c r="A259" s="65" t="s">
        <v>284</v>
      </c>
      <c r="B259" s="66"/>
      <c r="C259" s="10" t="s">
        <v>9</v>
      </c>
      <c r="D259" s="37" t="s">
        <v>18</v>
      </c>
    </row>
    <row r="260" spans="1:4" ht="24.95" customHeight="1" x14ac:dyDescent="0.2">
      <c r="A260" s="65" t="s">
        <v>285</v>
      </c>
      <c r="B260" s="66"/>
      <c r="C260" s="10" t="s">
        <v>9</v>
      </c>
      <c r="D260" s="37" t="s">
        <v>286</v>
      </c>
    </row>
    <row r="261" spans="1:4" ht="24.95" customHeight="1" x14ac:dyDescent="0.2">
      <c r="A261" s="65" t="s">
        <v>287</v>
      </c>
      <c r="B261" s="66"/>
      <c r="C261" s="10" t="s">
        <v>9</v>
      </c>
      <c r="D261" s="37" t="s">
        <v>14</v>
      </c>
    </row>
    <row r="262" spans="1:4" ht="24.95" customHeight="1" x14ac:dyDescent="0.2">
      <c r="A262" s="65" t="s">
        <v>288</v>
      </c>
      <c r="B262" s="66"/>
      <c r="C262" s="10" t="s">
        <v>9</v>
      </c>
      <c r="D262" s="37" t="s">
        <v>10</v>
      </c>
    </row>
    <row r="263" spans="1:4" ht="24.95" customHeight="1" x14ac:dyDescent="0.2">
      <c r="A263" s="65" t="s">
        <v>289</v>
      </c>
      <c r="B263" s="66"/>
      <c r="C263" s="10" t="s">
        <v>9</v>
      </c>
      <c r="D263" s="37" t="s">
        <v>10</v>
      </c>
    </row>
    <row r="264" spans="1:4" ht="24.95" customHeight="1" x14ac:dyDescent="0.2">
      <c r="A264" s="65" t="s">
        <v>290</v>
      </c>
      <c r="B264" s="66"/>
      <c r="C264" s="10" t="s">
        <v>9</v>
      </c>
      <c r="D264" s="37" t="s">
        <v>10</v>
      </c>
    </row>
    <row r="265" spans="1:4" ht="24.95" customHeight="1" x14ac:dyDescent="0.2">
      <c r="A265" s="65" t="s">
        <v>291</v>
      </c>
      <c r="B265" s="66"/>
      <c r="C265" s="10" t="s">
        <v>9</v>
      </c>
      <c r="D265" s="37" t="s">
        <v>18</v>
      </c>
    </row>
    <row r="266" spans="1:4" ht="24.95" customHeight="1" x14ac:dyDescent="0.2">
      <c r="A266" s="65" t="s">
        <v>292</v>
      </c>
      <c r="B266" s="66"/>
      <c r="C266" s="10" t="s">
        <v>9</v>
      </c>
      <c r="D266" s="37" t="s">
        <v>10</v>
      </c>
    </row>
    <row r="267" spans="1:4" ht="24.95" customHeight="1" x14ac:dyDescent="0.2">
      <c r="A267" s="65" t="s">
        <v>293</v>
      </c>
      <c r="B267" s="66"/>
      <c r="C267" s="10" t="s">
        <v>9</v>
      </c>
      <c r="D267" s="37" t="s">
        <v>10</v>
      </c>
    </row>
    <row r="268" spans="1:4" ht="24.95" customHeight="1" x14ac:dyDescent="0.2">
      <c r="A268" s="65" t="s">
        <v>294</v>
      </c>
      <c r="B268" s="66"/>
      <c r="C268" s="10" t="s">
        <v>9</v>
      </c>
      <c r="D268" s="37" t="s">
        <v>10</v>
      </c>
    </row>
    <row r="269" spans="1:4" ht="24.95" customHeight="1" x14ac:dyDescent="0.2">
      <c r="A269" s="65" t="s">
        <v>295</v>
      </c>
      <c r="B269" s="66"/>
      <c r="C269" s="10" t="s">
        <v>9</v>
      </c>
      <c r="D269" s="37" t="s">
        <v>10</v>
      </c>
    </row>
    <row r="270" spans="1:4" ht="24.95" customHeight="1" x14ac:dyDescent="0.2">
      <c r="A270" s="65" t="s">
        <v>296</v>
      </c>
      <c r="B270" s="66"/>
      <c r="C270" s="10" t="s">
        <v>9</v>
      </c>
      <c r="D270" s="37" t="s">
        <v>10</v>
      </c>
    </row>
    <row r="271" spans="1:4" ht="24.95" customHeight="1" x14ac:dyDescent="0.2">
      <c r="A271" s="65" t="s">
        <v>297</v>
      </c>
      <c r="B271" s="66"/>
      <c r="C271" s="10" t="s">
        <v>9</v>
      </c>
      <c r="D271" s="37" t="s">
        <v>10</v>
      </c>
    </row>
    <row r="272" spans="1:4" ht="30" customHeight="1" x14ac:dyDescent="0.2">
      <c r="A272" s="65" t="s">
        <v>245</v>
      </c>
      <c r="B272" s="66"/>
      <c r="C272" s="10" t="s">
        <v>9</v>
      </c>
      <c r="D272" s="37" t="s">
        <v>20</v>
      </c>
    </row>
    <row r="273" spans="1:4" ht="24.95" customHeight="1" x14ac:dyDescent="0.2">
      <c r="A273" s="65" t="s">
        <v>298</v>
      </c>
      <c r="B273" s="66"/>
      <c r="C273" s="10" t="s">
        <v>9</v>
      </c>
      <c r="D273" s="37" t="s">
        <v>20</v>
      </c>
    </row>
    <row r="274" spans="1:4" ht="24.95" customHeight="1" x14ac:dyDescent="0.2">
      <c r="A274" s="65" t="s">
        <v>299</v>
      </c>
      <c r="B274" s="66"/>
      <c r="C274" s="10" t="s">
        <v>9</v>
      </c>
      <c r="D274" s="37" t="s">
        <v>10</v>
      </c>
    </row>
    <row r="275" spans="1:4" ht="24.95" customHeight="1" x14ac:dyDescent="0.2">
      <c r="A275" s="65" t="s">
        <v>300</v>
      </c>
      <c r="B275" s="66"/>
      <c r="C275" s="10" t="s">
        <v>9</v>
      </c>
      <c r="D275" s="37" t="s">
        <v>10</v>
      </c>
    </row>
    <row r="276" spans="1:4" ht="24.95" customHeight="1" x14ac:dyDescent="0.2">
      <c r="A276" s="65" t="s">
        <v>301</v>
      </c>
      <c r="B276" s="66"/>
      <c r="C276" s="10" t="s">
        <v>9</v>
      </c>
      <c r="D276" s="37" t="s">
        <v>18</v>
      </c>
    </row>
    <row r="277" spans="1:4" ht="24.95" customHeight="1" x14ac:dyDescent="0.2">
      <c r="A277" s="65" t="s">
        <v>302</v>
      </c>
      <c r="B277" s="66"/>
      <c r="C277" s="10" t="s">
        <v>9</v>
      </c>
      <c r="D277" s="37" t="s">
        <v>20</v>
      </c>
    </row>
    <row r="278" spans="1:4" ht="24.95" customHeight="1" x14ac:dyDescent="0.2">
      <c r="A278" s="65" t="s">
        <v>303</v>
      </c>
      <c r="B278" s="66"/>
      <c r="C278" s="10" t="s">
        <v>9</v>
      </c>
      <c r="D278" s="37" t="s">
        <v>304</v>
      </c>
    </row>
    <row r="279" spans="1:4" ht="30" customHeight="1" x14ac:dyDescent="0.2">
      <c r="A279" s="65" t="s">
        <v>305</v>
      </c>
      <c r="B279" s="66"/>
      <c r="C279" s="10" t="s">
        <v>9</v>
      </c>
      <c r="D279" s="37" t="s">
        <v>27</v>
      </c>
    </row>
    <row r="280" spans="1:4" ht="24.95" customHeight="1" x14ac:dyDescent="0.2">
      <c r="A280" s="65" t="s">
        <v>306</v>
      </c>
      <c r="B280" s="66"/>
      <c r="C280" s="10" t="s">
        <v>9</v>
      </c>
      <c r="D280" s="37" t="s">
        <v>20</v>
      </c>
    </row>
    <row r="281" spans="1:4" ht="24.95" customHeight="1" x14ac:dyDescent="0.2">
      <c r="A281" s="65" t="s">
        <v>307</v>
      </c>
      <c r="B281" s="66"/>
      <c r="C281" s="10" t="s">
        <v>9</v>
      </c>
      <c r="D281" s="37" t="s">
        <v>10</v>
      </c>
    </row>
    <row r="282" spans="1:4" ht="24.95" customHeight="1" x14ac:dyDescent="0.2">
      <c r="A282" s="65" t="s">
        <v>308</v>
      </c>
      <c r="B282" s="66"/>
      <c r="C282" s="10" t="s">
        <v>9</v>
      </c>
      <c r="D282" s="37" t="s">
        <v>27</v>
      </c>
    </row>
    <row r="283" spans="1:4" ht="24.95" customHeight="1" x14ac:dyDescent="0.2">
      <c r="A283" s="65" t="s">
        <v>309</v>
      </c>
      <c r="B283" s="66"/>
      <c r="C283" s="10" t="s">
        <v>9</v>
      </c>
      <c r="D283" s="37" t="s">
        <v>18</v>
      </c>
    </row>
    <row r="284" spans="1:4" ht="24.95" customHeight="1" x14ac:dyDescent="0.2">
      <c r="A284" s="65" t="s">
        <v>310</v>
      </c>
      <c r="B284" s="66"/>
      <c r="C284" s="10" t="s">
        <v>9</v>
      </c>
      <c r="D284" s="37" t="s">
        <v>20</v>
      </c>
    </row>
    <row r="285" spans="1:4" ht="24.95" customHeight="1" x14ac:dyDescent="0.2">
      <c r="A285" s="65" t="s">
        <v>311</v>
      </c>
      <c r="B285" s="66"/>
      <c r="C285" s="10" t="s">
        <v>9</v>
      </c>
      <c r="D285" s="37" t="s">
        <v>10</v>
      </c>
    </row>
    <row r="286" spans="1:4" ht="24.95" customHeight="1" x14ac:dyDescent="0.2">
      <c r="A286" s="65" t="s">
        <v>312</v>
      </c>
      <c r="B286" s="66"/>
      <c r="C286" s="10" t="s">
        <v>9</v>
      </c>
      <c r="D286" s="37" t="s">
        <v>10</v>
      </c>
    </row>
    <row r="287" spans="1:4" ht="24.95" customHeight="1" x14ac:dyDescent="0.2">
      <c r="A287" s="65" t="s">
        <v>313</v>
      </c>
      <c r="B287" s="66"/>
      <c r="C287" s="10" t="s">
        <v>9</v>
      </c>
      <c r="D287" s="37" t="s">
        <v>85</v>
      </c>
    </row>
    <row r="288" spans="1:4" ht="24.95" customHeight="1" x14ac:dyDescent="0.2">
      <c r="A288" s="65" t="s">
        <v>314</v>
      </c>
      <c r="B288" s="66"/>
      <c r="C288" s="10" t="s">
        <v>9</v>
      </c>
      <c r="D288" s="37" t="s">
        <v>14</v>
      </c>
    </row>
    <row r="289" spans="1:4" ht="24.95" customHeight="1" x14ac:dyDescent="0.2">
      <c r="A289" s="65" t="s">
        <v>315</v>
      </c>
      <c r="B289" s="66"/>
      <c r="C289" s="10" t="s">
        <v>9</v>
      </c>
      <c r="D289" s="37" t="s">
        <v>18</v>
      </c>
    </row>
    <row r="290" spans="1:4" ht="30" customHeight="1" x14ac:dyDescent="0.2">
      <c r="A290" s="65" t="s">
        <v>316</v>
      </c>
      <c r="B290" s="66"/>
      <c r="C290" s="10" t="s">
        <v>24</v>
      </c>
      <c r="D290" s="37" t="s">
        <v>20</v>
      </c>
    </row>
    <row r="291" spans="1:4" ht="32.25" customHeight="1" x14ac:dyDescent="0.2">
      <c r="A291" s="76" t="s">
        <v>7</v>
      </c>
      <c r="B291" s="77"/>
      <c r="C291" s="9" t="s">
        <v>5</v>
      </c>
      <c r="D291" s="36" t="s">
        <v>439</v>
      </c>
    </row>
    <row r="292" spans="1:4" ht="24.95" customHeight="1" x14ac:dyDescent="0.2">
      <c r="A292" s="65" t="s">
        <v>317</v>
      </c>
      <c r="B292" s="66"/>
      <c r="C292" s="10" t="s">
        <v>9</v>
      </c>
      <c r="D292" s="37" t="s">
        <v>56</v>
      </c>
    </row>
    <row r="293" spans="1:4" ht="24.95" customHeight="1" x14ac:dyDescent="0.2">
      <c r="A293" s="65" t="s">
        <v>318</v>
      </c>
      <c r="B293" s="66"/>
      <c r="C293" s="10" t="s">
        <v>9</v>
      </c>
      <c r="D293" s="37" t="s">
        <v>14</v>
      </c>
    </row>
    <row r="294" spans="1:4" ht="24.95" customHeight="1" x14ac:dyDescent="0.2">
      <c r="A294" s="65" t="s">
        <v>319</v>
      </c>
      <c r="B294" s="66"/>
      <c r="C294" s="10" t="s">
        <v>9</v>
      </c>
      <c r="D294" s="37" t="s">
        <v>10</v>
      </c>
    </row>
    <row r="295" spans="1:4" ht="24.95" customHeight="1" x14ac:dyDescent="0.2">
      <c r="A295" s="65" t="s">
        <v>320</v>
      </c>
      <c r="B295" s="66"/>
      <c r="C295" s="10" t="s">
        <v>9</v>
      </c>
      <c r="D295" s="37" t="s">
        <v>27</v>
      </c>
    </row>
    <row r="296" spans="1:4" ht="24.95" customHeight="1" x14ac:dyDescent="0.2">
      <c r="A296" s="65" t="s">
        <v>321</v>
      </c>
      <c r="B296" s="66"/>
      <c r="C296" s="10" t="s">
        <v>9</v>
      </c>
      <c r="D296" s="37" t="s">
        <v>85</v>
      </c>
    </row>
    <row r="297" spans="1:4" ht="24.95" customHeight="1" x14ac:dyDescent="0.2">
      <c r="A297" s="65" t="s">
        <v>322</v>
      </c>
      <c r="B297" s="66"/>
      <c r="C297" s="10" t="s">
        <v>9</v>
      </c>
      <c r="D297" s="37" t="s">
        <v>10</v>
      </c>
    </row>
    <row r="298" spans="1:4" ht="24.95" customHeight="1" x14ac:dyDescent="0.2">
      <c r="A298" s="65" t="s">
        <v>323</v>
      </c>
      <c r="B298" s="66"/>
      <c r="C298" s="10" t="s">
        <v>9</v>
      </c>
      <c r="D298" s="37" t="s">
        <v>10</v>
      </c>
    </row>
    <row r="299" spans="1:4" ht="24.95" customHeight="1" x14ac:dyDescent="0.2">
      <c r="A299" s="65" t="s">
        <v>324</v>
      </c>
      <c r="B299" s="66"/>
      <c r="C299" s="10" t="s">
        <v>9</v>
      </c>
      <c r="D299" s="37" t="s">
        <v>10</v>
      </c>
    </row>
    <row r="300" spans="1:4" ht="24.95" customHeight="1" x14ac:dyDescent="0.2">
      <c r="A300" s="65" t="s">
        <v>325</v>
      </c>
      <c r="B300" s="66"/>
      <c r="C300" s="10" t="s">
        <v>9</v>
      </c>
      <c r="D300" s="37" t="s">
        <v>18</v>
      </c>
    </row>
    <row r="301" spans="1:4" ht="24.95" customHeight="1" x14ac:dyDescent="0.2">
      <c r="A301" s="65" t="s">
        <v>326</v>
      </c>
      <c r="B301" s="66"/>
      <c r="C301" s="10" t="s">
        <v>9</v>
      </c>
      <c r="D301" s="37" t="s">
        <v>20</v>
      </c>
    </row>
    <row r="302" spans="1:4" ht="24.95" customHeight="1" x14ac:dyDescent="0.2">
      <c r="A302" s="65" t="s">
        <v>327</v>
      </c>
      <c r="B302" s="66"/>
      <c r="C302" s="10" t="s">
        <v>9</v>
      </c>
      <c r="D302" s="37" t="s">
        <v>20</v>
      </c>
    </row>
    <row r="303" spans="1:4" ht="24.95" customHeight="1" x14ac:dyDescent="0.2">
      <c r="A303" s="65" t="s">
        <v>328</v>
      </c>
      <c r="B303" s="66"/>
      <c r="C303" s="10" t="s">
        <v>29</v>
      </c>
      <c r="D303" s="37" t="s">
        <v>166</v>
      </c>
    </row>
    <row r="304" spans="1:4" ht="24.95" customHeight="1" x14ac:dyDescent="0.2">
      <c r="A304" s="65" t="s">
        <v>329</v>
      </c>
      <c r="B304" s="66"/>
      <c r="C304" s="10" t="s">
        <v>29</v>
      </c>
      <c r="D304" s="37" t="s">
        <v>75</v>
      </c>
    </row>
    <row r="305" spans="1:4" ht="30" customHeight="1" x14ac:dyDescent="0.2">
      <c r="A305" s="97" t="s">
        <v>31</v>
      </c>
      <c r="B305" s="98"/>
      <c r="C305" s="98"/>
      <c r="D305" s="99"/>
    </row>
    <row r="306" spans="1:4" ht="24.95" customHeight="1" x14ac:dyDescent="0.2">
      <c r="A306" s="25" t="s">
        <v>330</v>
      </c>
      <c r="B306" s="89" t="s">
        <v>331</v>
      </c>
      <c r="C306" s="90"/>
      <c r="D306" s="91"/>
    </row>
    <row r="307" spans="1:4" ht="30" customHeight="1" x14ac:dyDescent="0.2">
      <c r="A307" s="12" t="s">
        <v>34</v>
      </c>
      <c r="B307" s="83" t="s">
        <v>332</v>
      </c>
      <c r="C307" s="84"/>
      <c r="D307" s="85"/>
    </row>
    <row r="308" spans="1:4" ht="39.950000000000003" customHeight="1" x14ac:dyDescent="0.2">
      <c r="A308" s="12" t="s">
        <v>36</v>
      </c>
      <c r="B308" s="83" t="s">
        <v>333</v>
      </c>
      <c r="C308" s="84"/>
      <c r="D308" s="85"/>
    </row>
    <row r="309" spans="1:4" ht="80.099999999999994" customHeight="1" x14ac:dyDescent="0.2">
      <c r="A309" s="12" t="s">
        <v>38</v>
      </c>
      <c r="B309" s="83" t="s">
        <v>334</v>
      </c>
      <c r="C309" s="84"/>
      <c r="D309" s="85"/>
    </row>
    <row r="310" spans="1:4" ht="24.95" customHeight="1" x14ac:dyDescent="0.2">
      <c r="A310" s="25" t="s">
        <v>335</v>
      </c>
      <c r="B310" s="89" t="s">
        <v>336</v>
      </c>
      <c r="C310" s="90"/>
      <c r="D310" s="91"/>
    </row>
    <row r="311" spans="1:4" ht="90" customHeight="1" x14ac:dyDescent="0.2">
      <c r="A311" s="12" t="s">
        <v>107</v>
      </c>
      <c r="B311" s="83" t="s">
        <v>337</v>
      </c>
      <c r="C311" s="84"/>
      <c r="D311" s="85"/>
    </row>
    <row r="312" spans="1:4" ht="39.950000000000003" customHeight="1" x14ac:dyDescent="0.2">
      <c r="A312" s="12" t="s">
        <v>109</v>
      </c>
      <c r="B312" s="83" t="s">
        <v>338</v>
      </c>
      <c r="C312" s="84"/>
      <c r="D312" s="85"/>
    </row>
    <row r="313" spans="1:4" ht="24.95" customHeight="1" thickBot="1" x14ac:dyDescent="0.25">
      <c r="A313" s="12" t="s">
        <v>339</v>
      </c>
      <c r="B313" s="103" t="s">
        <v>265</v>
      </c>
      <c r="C313" s="104"/>
      <c r="D313" s="105"/>
    </row>
    <row r="314" spans="1:4" ht="30" customHeight="1" x14ac:dyDescent="0.2">
      <c r="A314" s="92" t="s">
        <v>340</v>
      </c>
      <c r="B314" s="93"/>
      <c r="C314" s="93"/>
      <c r="D314" s="94"/>
    </row>
    <row r="315" spans="1:4" ht="30" customHeight="1" x14ac:dyDescent="0.2">
      <c r="A315" s="67" t="s">
        <v>4</v>
      </c>
      <c r="B315" s="68"/>
      <c r="C315" s="9" t="s">
        <v>5</v>
      </c>
      <c r="D315" s="36" t="s">
        <v>6</v>
      </c>
    </row>
    <row r="316" spans="1:4" ht="30" customHeight="1" x14ac:dyDescent="0.2">
      <c r="A316" s="65" t="s">
        <v>341</v>
      </c>
      <c r="B316" s="66"/>
      <c r="C316" s="10" t="s">
        <v>9</v>
      </c>
      <c r="D316" s="37" t="s">
        <v>10</v>
      </c>
    </row>
    <row r="317" spans="1:4" ht="24.95" customHeight="1" x14ac:dyDescent="0.2">
      <c r="A317" s="65" t="s">
        <v>342</v>
      </c>
      <c r="B317" s="66"/>
      <c r="C317" s="10" t="s">
        <v>9</v>
      </c>
      <c r="D317" s="37" t="s">
        <v>10</v>
      </c>
    </row>
    <row r="318" spans="1:4" ht="30" customHeight="1" x14ac:dyDescent="0.2">
      <c r="A318" s="65" t="s">
        <v>343</v>
      </c>
      <c r="B318" s="66"/>
      <c r="C318" s="10" t="s">
        <v>9</v>
      </c>
      <c r="D318" s="37" t="s">
        <v>344</v>
      </c>
    </row>
    <row r="319" spans="1:4" ht="30" customHeight="1" x14ac:dyDescent="0.2">
      <c r="A319" s="65" t="s">
        <v>345</v>
      </c>
      <c r="B319" s="66"/>
      <c r="C319" s="10" t="s">
        <v>9</v>
      </c>
      <c r="D319" s="37" t="s">
        <v>346</v>
      </c>
    </row>
    <row r="320" spans="1:4" ht="30" customHeight="1" x14ac:dyDescent="0.2">
      <c r="A320" s="65" t="s">
        <v>347</v>
      </c>
      <c r="B320" s="66"/>
      <c r="C320" s="10" t="s">
        <v>9</v>
      </c>
      <c r="D320" s="37" t="s">
        <v>85</v>
      </c>
    </row>
    <row r="321" spans="1:4" ht="30" customHeight="1" x14ac:dyDescent="0.2">
      <c r="A321" s="65" t="s">
        <v>348</v>
      </c>
      <c r="B321" s="66"/>
      <c r="C321" s="10" t="s">
        <v>9</v>
      </c>
      <c r="D321" s="37" t="s">
        <v>18</v>
      </c>
    </row>
    <row r="322" spans="1:4" ht="30" customHeight="1" x14ac:dyDescent="0.2">
      <c r="A322" s="65" t="s">
        <v>349</v>
      </c>
      <c r="B322" s="66"/>
      <c r="C322" s="10" t="s">
        <v>9</v>
      </c>
      <c r="D322" s="37" t="s">
        <v>350</v>
      </c>
    </row>
    <row r="323" spans="1:4" ht="30" customHeight="1" x14ac:dyDescent="0.2">
      <c r="A323" s="65" t="s">
        <v>351</v>
      </c>
      <c r="B323" s="66"/>
      <c r="C323" s="10" t="s">
        <v>9</v>
      </c>
      <c r="D323" s="37" t="s">
        <v>56</v>
      </c>
    </row>
    <row r="324" spans="1:4" ht="30" customHeight="1" x14ac:dyDescent="0.2">
      <c r="A324" s="65" t="s">
        <v>352</v>
      </c>
      <c r="B324" s="66"/>
      <c r="C324" s="10" t="s">
        <v>24</v>
      </c>
      <c r="D324" s="37" t="s">
        <v>20</v>
      </c>
    </row>
    <row r="325" spans="1:4" ht="30" customHeight="1" x14ac:dyDescent="0.2">
      <c r="A325" s="76" t="s">
        <v>7</v>
      </c>
      <c r="B325" s="77"/>
      <c r="C325" s="9" t="s">
        <v>5</v>
      </c>
      <c r="D325" s="36" t="s">
        <v>439</v>
      </c>
    </row>
    <row r="326" spans="1:4" ht="24.95" customHeight="1" x14ac:dyDescent="0.2">
      <c r="A326" s="65" t="s">
        <v>353</v>
      </c>
      <c r="B326" s="66"/>
      <c r="C326" s="10" t="s">
        <v>9</v>
      </c>
      <c r="D326" s="37" t="s">
        <v>10</v>
      </c>
    </row>
    <row r="327" spans="1:4" ht="24.95" customHeight="1" x14ac:dyDescent="0.2">
      <c r="A327" s="65" t="s">
        <v>354</v>
      </c>
      <c r="B327" s="66"/>
      <c r="C327" s="10" t="s">
        <v>9</v>
      </c>
      <c r="D327" s="37" t="s">
        <v>10</v>
      </c>
    </row>
    <row r="328" spans="1:4" ht="24.95" customHeight="1" x14ac:dyDescent="0.2">
      <c r="A328" s="65" t="s">
        <v>355</v>
      </c>
      <c r="B328" s="66"/>
      <c r="C328" s="10" t="s">
        <v>9</v>
      </c>
      <c r="D328" s="37" t="s">
        <v>18</v>
      </c>
    </row>
    <row r="329" spans="1:4" ht="24.95" customHeight="1" x14ac:dyDescent="0.2">
      <c r="A329" s="65" t="s">
        <v>356</v>
      </c>
      <c r="B329" s="66"/>
      <c r="C329" s="10" t="s">
        <v>9</v>
      </c>
      <c r="D329" s="37" t="s">
        <v>18</v>
      </c>
    </row>
    <row r="330" spans="1:4" ht="24.95" customHeight="1" x14ac:dyDescent="0.2">
      <c r="A330" s="65" t="s">
        <v>357</v>
      </c>
      <c r="B330" s="66"/>
      <c r="C330" s="10" t="s">
        <v>9</v>
      </c>
      <c r="D330" s="37" t="s">
        <v>10</v>
      </c>
    </row>
    <row r="331" spans="1:4" ht="30" customHeight="1" x14ac:dyDescent="0.2">
      <c r="A331" s="65" t="s">
        <v>358</v>
      </c>
      <c r="B331" s="66"/>
      <c r="C331" s="10" t="s">
        <v>29</v>
      </c>
      <c r="D331" s="37" t="s">
        <v>75</v>
      </c>
    </row>
    <row r="332" spans="1:4" ht="30" customHeight="1" x14ac:dyDescent="0.2">
      <c r="A332" s="97" t="s">
        <v>31</v>
      </c>
      <c r="B332" s="98"/>
      <c r="C332" s="98"/>
      <c r="D332" s="99"/>
    </row>
    <row r="333" spans="1:4" ht="24.95" customHeight="1" x14ac:dyDescent="0.2">
      <c r="A333" s="25" t="s">
        <v>359</v>
      </c>
      <c r="B333" s="89" t="s">
        <v>360</v>
      </c>
      <c r="C333" s="90"/>
      <c r="D333" s="91"/>
    </row>
    <row r="334" spans="1:4" ht="39.950000000000003" customHeight="1" x14ac:dyDescent="0.2">
      <c r="A334" s="12" t="s">
        <v>34</v>
      </c>
      <c r="B334" s="83" t="s">
        <v>361</v>
      </c>
      <c r="C334" s="84"/>
      <c r="D334" s="85"/>
    </row>
    <row r="335" spans="1:4" ht="24.95" customHeight="1" x14ac:dyDescent="0.2">
      <c r="A335" s="12" t="s">
        <v>36</v>
      </c>
      <c r="B335" s="83" t="s">
        <v>362</v>
      </c>
      <c r="C335" s="84"/>
      <c r="D335" s="85"/>
    </row>
    <row r="336" spans="1:4" ht="54.95" customHeight="1" x14ac:dyDescent="0.2">
      <c r="A336" s="12" t="s">
        <v>38</v>
      </c>
      <c r="B336" s="83" t="s">
        <v>363</v>
      </c>
      <c r="C336" s="84"/>
      <c r="D336" s="85"/>
    </row>
    <row r="337" spans="1:4" ht="24.95" customHeight="1" x14ac:dyDescent="0.2">
      <c r="A337" s="25" t="s">
        <v>364</v>
      </c>
      <c r="B337" s="89" t="s">
        <v>365</v>
      </c>
      <c r="C337" s="90"/>
      <c r="D337" s="91"/>
    </row>
    <row r="338" spans="1:4" ht="39.950000000000003" customHeight="1" x14ac:dyDescent="0.2">
      <c r="A338" s="12" t="s">
        <v>107</v>
      </c>
      <c r="B338" s="83" t="s">
        <v>366</v>
      </c>
      <c r="C338" s="84"/>
      <c r="D338" s="85"/>
    </row>
    <row r="339" spans="1:4" ht="54.95" customHeight="1" x14ac:dyDescent="0.2">
      <c r="A339" s="12" t="s">
        <v>109</v>
      </c>
      <c r="B339" s="83" t="s">
        <v>367</v>
      </c>
      <c r="C339" s="84"/>
      <c r="D339" s="85"/>
    </row>
    <row r="340" spans="1:4" ht="24.95" customHeight="1" thickBot="1" x14ac:dyDescent="0.25">
      <c r="A340" s="12" t="s">
        <v>368</v>
      </c>
      <c r="B340" s="86" t="s">
        <v>369</v>
      </c>
      <c r="C340" s="87"/>
      <c r="D340" s="88"/>
    </row>
    <row r="341" spans="1:4" ht="30" customHeight="1" x14ac:dyDescent="0.2">
      <c r="A341" s="92" t="s">
        <v>370</v>
      </c>
      <c r="B341" s="93"/>
      <c r="C341" s="93"/>
      <c r="D341" s="94"/>
    </row>
    <row r="342" spans="1:4" ht="30" customHeight="1" x14ac:dyDescent="0.2">
      <c r="A342" s="67" t="s">
        <v>4</v>
      </c>
      <c r="B342" s="68"/>
      <c r="C342" s="9" t="s">
        <v>5</v>
      </c>
      <c r="D342" s="36" t="s">
        <v>6</v>
      </c>
    </row>
    <row r="343" spans="1:4" ht="24.95" customHeight="1" x14ac:dyDescent="0.2">
      <c r="A343" s="65" t="s">
        <v>371</v>
      </c>
      <c r="B343" s="66"/>
      <c r="C343" s="10" t="s">
        <v>9</v>
      </c>
      <c r="D343" s="37" t="s">
        <v>56</v>
      </c>
    </row>
    <row r="344" spans="1:4" ht="24.95" customHeight="1" x14ac:dyDescent="0.2">
      <c r="A344" s="65" t="s">
        <v>372</v>
      </c>
      <c r="B344" s="66"/>
      <c r="C344" s="10" t="s">
        <v>9</v>
      </c>
      <c r="D344" s="37" t="s">
        <v>10</v>
      </c>
    </row>
    <row r="345" spans="1:4" ht="24.95" customHeight="1" x14ac:dyDescent="0.2">
      <c r="A345" s="65" t="s">
        <v>373</v>
      </c>
      <c r="B345" s="66"/>
      <c r="C345" s="10" t="s">
        <v>9</v>
      </c>
      <c r="D345" s="37" t="s">
        <v>18</v>
      </c>
    </row>
    <row r="346" spans="1:4" ht="24.95" customHeight="1" x14ac:dyDescent="0.2">
      <c r="A346" s="65" t="s">
        <v>374</v>
      </c>
      <c r="B346" s="66"/>
      <c r="C346" s="10" t="s">
        <v>9</v>
      </c>
      <c r="D346" s="37" t="s">
        <v>375</v>
      </c>
    </row>
    <row r="347" spans="1:4" ht="24.95" customHeight="1" x14ac:dyDescent="0.2">
      <c r="A347" s="65" t="s">
        <v>376</v>
      </c>
      <c r="B347" s="66"/>
      <c r="C347" s="10" t="s">
        <v>9</v>
      </c>
      <c r="D347" s="37" t="s">
        <v>377</v>
      </c>
    </row>
    <row r="348" spans="1:4" ht="24.95" customHeight="1" x14ac:dyDescent="0.2">
      <c r="A348" s="65" t="s">
        <v>378</v>
      </c>
      <c r="B348" s="66"/>
      <c r="C348" s="10" t="s">
        <v>9</v>
      </c>
      <c r="D348" s="37" t="s">
        <v>379</v>
      </c>
    </row>
    <row r="349" spans="1:4" ht="24.95" customHeight="1" x14ac:dyDescent="0.2">
      <c r="A349" s="65" t="s">
        <v>380</v>
      </c>
      <c r="B349" s="66"/>
      <c r="C349" s="10" t="s">
        <v>9</v>
      </c>
      <c r="D349" s="37" t="s">
        <v>286</v>
      </c>
    </row>
    <row r="350" spans="1:4" ht="24.95" customHeight="1" x14ac:dyDescent="0.2">
      <c r="A350" s="65" t="s">
        <v>381</v>
      </c>
      <c r="B350" s="66"/>
      <c r="C350" s="10" t="s">
        <v>9</v>
      </c>
      <c r="D350" s="37" t="s">
        <v>379</v>
      </c>
    </row>
    <row r="351" spans="1:4" ht="24.95" customHeight="1" x14ac:dyDescent="0.2">
      <c r="A351" s="65" t="s">
        <v>382</v>
      </c>
      <c r="B351" s="66"/>
      <c r="C351" s="10" t="s">
        <v>9</v>
      </c>
      <c r="D351" s="37" t="s">
        <v>346</v>
      </c>
    </row>
    <row r="352" spans="1:4" ht="24.95" customHeight="1" x14ac:dyDescent="0.2">
      <c r="A352" s="65" t="s">
        <v>383</v>
      </c>
      <c r="B352" s="66"/>
      <c r="C352" s="10" t="s">
        <v>9</v>
      </c>
      <c r="D352" s="37" t="s">
        <v>10</v>
      </c>
    </row>
    <row r="353" spans="1:4" ht="24.95" customHeight="1" x14ac:dyDescent="0.2">
      <c r="A353" s="65" t="s">
        <v>384</v>
      </c>
      <c r="B353" s="66"/>
      <c r="C353" s="10" t="s">
        <v>9</v>
      </c>
      <c r="D353" s="37" t="s">
        <v>18</v>
      </c>
    </row>
    <row r="354" spans="1:4" ht="24.95" customHeight="1" x14ac:dyDescent="0.2">
      <c r="A354" s="65" t="s">
        <v>385</v>
      </c>
      <c r="B354" s="66"/>
      <c r="C354" s="10" t="s">
        <v>9</v>
      </c>
      <c r="D354" s="37" t="s">
        <v>18</v>
      </c>
    </row>
    <row r="355" spans="1:4" ht="24.95" customHeight="1" x14ac:dyDescent="0.2">
      <c r="A355" s="65" t="s">
        <v>386</v>
      </c>
      <c r="B355" s="66"/>
      <c r="C355" s="10" t="s">
        <v>9</v>
      </c>
      <c r="D355" s="37" t="s">
        <v>18</v>
      </c>
    </row>
    <row r="356" spans="1:4" ht="24.95" customHeight="1" x14ac:dyDescent="0.2">
      <c r="A356" s="65" t="s">
        <v>387</v>
      </c>
      <c r="B356" s="66"/>
      <c r="C356" s="10" t="s">
        <v>9</v>
      </c>
      <c r="D356" s="37" t="s">
        <v>18</v>
      </c>
    </row>
    <row r="357" spans="1:4" ht="24.95" customHeight="1" x14ac:dyDescent="0.2">
      <c r="A357" s="65" t="s">
        <v>388</v>
      </c>
      <c r="B357" s="66"/>
      <c r="C357" s="10" t="s">
        <v>9</v>
      </c>
      <c r="D357" s="37" t="s">
        <v>346</v>
      </c>
    </row>
    <row r="358" spans="1:4" ht="24.95" customHeight="1" x14ac:dyDescent="0.2">
      <c r="A358" s="65" t="s">
        <v>389</v>
      </c>
      <c r="B358" s="66"/>
      <c r="C358" s="10" t="s">
        <v>9</v>
      </c>
      <c r="D358" s="37" t="s">
        <v>85</v>
      </c>
    </row>
    <row r="359" spans="1:4" ht="24.95" customHeight="1" x14ac:dyDescent="0.2">
      <c r="A359" s="65" t="s">
        <v>390</v>
      </c>
      <c r="B359" s="66"/>
      <c r="C359" s="10" t="s">
        <v>9</v>
      </c>
      <c r="D359" s="37" t="s">
        <v>18</v>
      </c>
    </row>
    <row r="360" spans="1:4" ht="24.95" customHeight="1" x14ac:dyDescent="0.2">
      <c r="A360" s="65" t="s">
        <v>391</v>
      </c>
      <c r="B360" s="66"/>
      <c r="C360" s="10" t="s">
        <v>9</v>
      </c>
      <c r="D360" s="37" t="s">
        <v>85</v>
      </c>
    </row>
    <row r="361" spans="1:4" ht="24.95" customHeight="1" x14ac:dyDescent="0.2">
      <c r="A361" s="65" t="s">
        <v>392</v>
      </c>
      <c r="B361" s="66"/>
      <c r="C361" s="10" t="s">
        <v>9</v>
      </c>
      <c r="D361" s="37" t="s">
        <v>18</v>
      </c>
    </row>
    <row r="362" spans="1:4" ht="24.95" customHeight="1" x14ac:dyDescent="0.2">
      <c r="A362" s="65" t="s">
        <v>393</v>
      </c>
      <c r="B362" s="66"/>
      <c r="C362" s="10" t="s">
        <v>9</v>
      </c>
      <c r="D362" s="37" t="s">
        <v>18</v>
      </c>
    </row>
    <row r="363" spans="1:4" ht="24.95" customHeight="1" x14ac:dyDescent="0.2">
      <c r="A363" s="65" t="s">
        <v>394</v>
      </c>
      <c r="B363" s="66"/>
      <c r="C363" s="10" t="s">
        <v>9</v>
      </c>
      <c r="D363" s="37" t="s">
        <v>286</v>
      </c>
    </row>
    <row r="364" spans="1:4" ht="24.95" customHeight="1" x14ac:dyDescent="0.2">
      <c r="A364" s="65" t="s">
        <v>395</v>
      </c>
      <c r="B364" s="66"/>
      <c r="C364" s="10" t="s">
        <v>9</v>
      </c>
      <c r="D364" s="37" t="s">
        <v>20</v>
      </c>
    </row>
    <row r="365" spans="1:4" ht="30" customHeight="1" x14ac:dyDescent="0.2">
      <c r="A365" s="65" t="s">
        <v>396</v>
      </c>
      <c r="B365" s="66"/>
      <c r="C365" s="10" t="s">
        <v>24</v>
      </c>
      <c r="D365" s="37" t="s">
        <v>20</v>
      </c>
    </row>
    <row r="366" spans="1:4" ht="34.5" customHeight="1" x14ac:dyDescent="0.2">
      <c r="A366" s="76" t="s">
        <v>7</v>
      </c>
      <c r="B366" s="77"/>
      <c r="C366" s="9" t="s">
        <v>5</v>
      </c>
      <c r="D366" s="36" t="s">
        <v>439</v>
      </c>
    </row>
    <row r="367" spans="1:4" ht="24.95" customHeight="1" x14ac:dyDescent="0.2">
      <c r="A367" s="65" t="s">
        <v>397</v>
      </c>
      <c r="B367" s="66"/>
      <c r="C367" s="10" t="s">
        <v>9</v>
      </c>
      <c r="D367" s="37" t="s">
        <v>18</v>
      </c>
    </row>
    <row r="368" spans="1:4" ht="24.95" customHeight="1" x14ac:dyDescent="0.2">
      <c r="A368" s="65" t="s">
        <v>398</v>
      </c>
      <c r="B368" s="66"/>
      <c r="C368" s="10" t="s">
        <v>9</v>
      </c>
      <c r="D368" s="37" t="s">
        <v>18</v>
      </c>
    </row>
    <row r="369" spans="1:4" ht="24.95" customHeight="1" x14ac:dyDescent="0.2">
      <c r="A369" s="65" t="s">
        <v>399</v>
      </c>
      <c r="B369" s="66"/>
      <c r="C369" s="10" t="s">
        <v>9</v>
      </c>
      <c r="D369" s="37" t="s">
        <v>85</v>
      </c>
    </row>
    <row r="370" spans="1:4" ht="24.95" customHeight="1" x14ac:dyDescent="0.2">
      <c r="A370" s="65" t="s">
        <v>400</v>
      </c>
      <c r="B370" s="66"/>
      <c r="C370" s="10" t="s">
        <v>9</v>
      </c>
      <c r="D370" s="37" t="s">
        <v>85</v>
      </c>
    </row>
    <row r="371" spans="1:4" ht="24.95" customHeight="1" x14ac:dyDescent="0.2">
      <c r="A371" s="65" t="s">
        <v>401</v>
      </c>
      <c r="B371" s="66"/>
      <c r="C371" s="10" t="s">
        <v>9</v>
      </c>
      <c r="D371" s="37" t="s">
        <v>27</v>
      </c>
    </row>
    <row r="372" spans="1:4" ht="24.95" customHeight="1" x14ac:dyDescent="0.2">
      <c r="A372" s="65" t="s">
        <v>402</v>
      </c>
      <c r="B372" s="66"/>
      <c r="C372" s="10" t="s">
        <v>9</v>
      </c>
      <c r="D372" s="37" t="s">
        <v>18</v>
      </c>
    </row>
    <row r="373" spans="1:4" ht="24.95" customHeight="1" x14ac:dyDescent="0.2">
      <c r="A373" s="65" t="s">
        <v>403</v>
      </c>
      <c r="B373" s="66"/>
      <c r="C373" s="10" t="s">
        <v>9</v>
      </c>
      <c r="D373" s="37" t="s">
        <v>18</v>
      </c>
    </row>
    <row r="374" spans="1:4" ht="24.95" customHeight="1" x14ac:dyDescent="0.2">
      <c r="A374" s="65" t="s">
        <v>404</v>
      </c>
      <c r="B374" s="66"/>
      <c r="C374" s="10" t="s">
        <v>9</v>
      </c>
      <c r="D374" s="37" t="s">
        <v>18</v>
      </c>
    </row>
    <row r="375" spans="1:4" ht="24.95" customHeight="1" x14ac:dyDescent="0.2">
      <c r="A375" s="65" t="s">
        <v>405</v>
      </c>
      <c r="B375" s="66"/>
      <c r="C375" s="10" t="s">
        <v>29</v>
      </c>
      <c r="D375" s="37" t="s">
        <v>75</v>
      </c>
    </row>
    <row r="376" spans="1:4" ht="24.95" customHeight="1" x14ac:dyDescent="0.2">
      <c r="A376" s="65" t="s">
        <v>406</v>
      </c>
      <c r="B376" s="66"/>
      <c r="C376" s="10" t="s">
        <v>29</v>
      </c>
      <c r="D376" s="37" t="s">
        <v>407</v>
      </c>
    </row>
    <row r="377" spans="1:4" ht="30" customHeight="1" x14ac:dyDescent="0.2">
      <c r="A377" s="97" t="s">
        <v>31</v>
      </c>
      <c r="B377" s="98"/>
      <c r="C377" s="98"/>
      <c r="D377" s="99"/>
    </row>
    <row r="378" spans="1:4" ht="24.95" customHeight="1" x14ac:dyDescent="0.2">
      <c r="A378" s="25" t="s">
        <v>408</v>
      </c>
      <c r="B378" s="89" t="s">
        <v>409</v>
      </c>
      <c r="C378" s="90"/>
      <c r="D378" s="91"/>
    </row>
    <row r="379" spans="1:4" ht="30" customHeight="1" x14ac:dyDescent="0.2">
      <c r="A379" s="12" t="s">
        <v>34</v>
      </c>
      <c r="B379" s="83" t="s">
        <v>410</v>
      </c>
      <c r="C379" s="84"/>
      <c r="D379" s="85"/>
    </row>
    <row r="380" spans="1:4" ht="24.95" customHeight="1" x14ac:dyDescent="0.2">
      <c r="A380" s="12" t="s">
        <v>36</v>
      </c>
      <c r="B380" s="83" t="s">
        <v>411</v>
      </c>
      <c r="C380" s="84"/>
      <c r="D380" s="85"/>
    </row>
    <row r="381" spans="1:4" ht="39.950000000000003" customHeight="1" x14ac:dyDescent="0.2">
      <c r="A381" s="12" t="s">
        <v>38</v>
      </c>
      <c r="B381" s="83" t="s">
        <v>412</v>
      </c>
      <c r="C381" s="84"/>
      <c r="D381" s="85"/>
    </row>
    <row r="382" spans="1:4" ht="54.95" customHeight="1" x14ac:dyDescent="0.2">
      <c r="A382" s="12" t="s">
        <v>40</v>
      </c>
      <c r="B382" s="83" t="s">
        <v>413</v>
      </c>
      <c r="C382" s="84"/>
      <c r="D382" s="85"/>
    </row>
    <row r="383" spans="1:4" ht="65.099999999999994" customHeight="1" x14ac:dyDescent="0.2">
      <c r="A383" s="12" t="s">
        <v>42</v>
      </c>
      <c r="B383" s="83" t="s">
        <v>414</v>
      </c>
      <c r="C383" s="84"/>
      <c r="D383" s="85"/>
    </row>
    <row r="384" spans="1:4" ht="30" customHeight="1" x14ac:dyDescent="0.2">
      <c r="A384" s="12" t="s">
        <v>44</v>
      </c>
      <c r="B384" s="83" t="s">
        <v>415</v>
      </c>
      <c r="C384" s="84"/>
      <c r="D384" s="85"/>
    </row>
    <row r="385" spans="1:6" ht="65.099999999999994" customHeight="1" x14ac:dyDescent="0.2">
      <c r="A385" s="26" t="s">
        <v>46</v>
      </c>
      <c r="B385" s="83" t="s">
        <v>416</v>
      </c>
      <c r="C385" s="84"/>
      <c r="D385" s="85"/>
    </row>
    <row r="386" spans="1:6" ht="24.95" customHeight="1" thickBot="1" x14ac:dyDescent="0.25">
      <c r="A386" s="13" t="s">
        <v>48</v>
      </c>
      <c r="B386" s="86" t="s">
        <v>417</v>
      </c>
      <c r="C386" s="87"/>
      <c r="D386" s="88"/>
    </row>
    <row r="387" spans="1:6" ht="15.75" x14ac:dyDescent="0.2">
      <c r="A387" s="6"/>
      <c r="B387" s="6"/>
      <c r="C387" s="6"/>
      <c r="D387" s="6"/>
    </row>
    <row r="388" spans="1:6" ht="13.5" thickBot="1" x14ac:dyDescent="0.25">
      <c r="A388" s="27"/>
      <c r="B388" s="28"/>
      <c r="C388" s="29"/>
      <c r="D388" s="30"/>
    </row>
    <row r="389" spans="1:6" ht="24.95" customHeight="1" thickBot="1" x14ac:dyDescent="0.25">
      <c r="A389" s="113" t="s">
        <v>418</v>
      </c>
      <c r="B389" s="114"/>
      <c r="C389" s="114"/>
      <c r="D389" s="114"/>
      <c r="E389" s="114"/>
      <c r="F389" s="115"/>
    </row>
    <row r="390" spans="1:6" ht="24.95" customHeight="1" x14ac:dyDescent="0.2">
      <c r="A390" s="39" t="s">
        <v>419</v>
      </c>
      <c r="B390" s="110" t="s">
        <v>420</v>
      </c>
      <c r="C390" s="111"/>
      <c r="D390" s="112"/>
      <c r="E390" s="40" t="s">
        <v>421</v>
      </c>
      <c r="F390" s="41" t="s">
        <v>422</v>
      </c>
    </row>
    <row r="391" spans="1:6" ht="24.95" customHeight="1" x14ac:dyDescent="0.2">
      <c r="A391" s="42" t="s">
        <v>423</v>
      </c>
      <c r="B391" s="103" t="s">
        <v>424</v>
      </c>
      <c r="C391" s="104"/>
      <c r="D391" s="109"/>
      <c r="E391" s="31" t="s">
        <v>421</v>
      </c>
      <c r="F391" s="43" t="s">
        <v>422</v>
      </c>
    </row>
    <row r="392" spans="1:6" ht="24.95" customHeight="1" x14ac:dyDescent="0.2">
      <c r="A392" s="42" t="s">
        <v>425</v>
      </c>
      <c r="B392" s="103" t="s">
        <v>426</v>
      </c>
      <c r="C392" s="104"/>
      <c r="D392" s="109"/>
      <c r="E392" s="31" t="s">
        <v>421</v>
      </c>
      <c r="F392" s="43" t="s">
        <v>422</v>
      </c>
    </row>
    <row r="393" spans="1:6" ht="24.95" customHeight="1" x14ac:dyDescent="0.2">
      <c r="A393" s="42" t="s">
        <v>427</v>
      </c>
      <c r="B393" s="103" t="s">
        <v>428</v>
      </c>
      <c r="C393" s="104"/>
      <c r="D393" s="109"/>
      <c r="E393" s="31" t="s">
        <v>421</v>
      </c>
      <c r="F393" s="43" t="s">
        <v>422</v>
      </c>
    </row>
    <row r="394" spans="1:6" ht="24.95" customHeight="1" x14ac:dyDescent="0.2">
      <c r="A394" s="42" t="s">
        <v>429</v>
      </c>
      <c r="B394" s="103" t="s">
        <v>430</v>
      </c>
      <c r="C394" s="104"/>
      <c r="D394" s="109"/>
      <c r="E394" s="31" t="s">
        <v>421</v>
      </c>
      <c r="F394" s="43" t="s">
        <v>422</v>
      </c>
    </row>
    <row r="395" spans="1:6" ht="24.95" customHeight="1" x14ac:dyDescent="0.2">
      <c r="A395" s="42" t="s">
        <v>431</v>
      </c>
      <c r="B395" s="103" t="s">
        <v>432</v>
      </c>
      <c r="C395" s="104"/>
      <c r="D395" s="109"/>
      <c r="E395" s="31" t="s">
        <v>421</v>
      </c>
      <c r="F395" s="43" t="s">
        <v>422</v>
      </c>
    </row>
    <row r="396" spans="1:6" ht="24.95" customHeight="1" x14ac:dyDescent="0.2">
      <c r="A396" s="42" t="s">
        <v>433</v>
      </c>
      <c r="B396" s="103" t="s">
        <v>434</v>
      </c>
      <c r="C396" s="104"/>
      <c r="D396" s="109"/>
      <c r="E396" s="31" t="s">
        <v>421</v>
      </c>
      <c r="F396" s="43" t="s">
        <v>422</v>
      </c>
    </row>
    <row r="397" spans="1:6" ht="24.95" customHeight="1" x14ac:dyDescent="0.2">
      <c r="A397" s="42" t="s">
        <v>435</v>
      </c>
      <c r="B397" s="103" t="s">
        <v>436</v>
      </c>
      <c r="C397" s="104"/>
      <c r="D397" s="109"/>
      <c r="E397" s="31" t="s">
        <v>421</v>
      </c>
      <c r="F397" s="43" t="s">
        <v>422</v>
      </c>
    </row>
    <row r="398" spans="1:6" ht="24.95" customHeight="1" thickBot="1" x14ac:dyDescent="0.25">
      <c r="A398" s="44" t="s">
        <v>437</v>
      </c>
      <c r="B398" s="106" t="s">
        <v>438</v>
      </c>
      <c r="C398" s="107"/>
      <c r="D398" s="108"/>
      <c r="E398" s="45" t="s">
        <v>421</v>
      </c>
      <c r="F398" s="46" t="s">
        <v>422</v>
      </c>
    </row>
    <row r="399" spans="1:6" x14ac:dyDescent="0.2">
      <c r="A399" s="32"/>
      <c r="B399" s="32"/>
      <c r="C399" s="32"/>
      <c r="D399" s="33"/>
    </row>
    <row r="401" spans="1:6" ht="20.100000000000001" customHeight="1" x14ac:dyDescent="0.2">
      <c r="A401" s="117" t="s">
        <v>440</v>
      </c>
      <c r="B401" s="117"/>
      <c r="C401" s="61"/>
      <c r="D401" s="61"/>
      <c r="E401" s="61"/>
      <c r="F401" s="61"/>
    </row>
    <row r="402" spans="1:6" ht="20.100000000000001" customHeight="1" x14ac:dyDescent="0.2">
      <c r="A402" s="117" t="s">
        <v>441</v>
      </c>
      <c r="B402" s="117"/>
      <c r="C402" s="62"/>
      <c r="D402" s="116"/>
      <c r="E402" s="116"/>
      <c r="F402" s="116"/>
    </row>
    <row r="403" spans="1:6" ht="20.100000000000001" customHeight="1" x14ac:dyDescent="0.2">
      <c r="A403" s="117" t="s">
        <v>442</v>
      </c>
      <c r="B403" s="117"/>
      <c r="C403" s="48"/>
      <c r="D403" s="116"/>
      <c r="E403" s="116"/>
      <c r="F403" s="116"/>
    </row>
    <row r="404" spans="1:6" ht="20.100000000000001" customHeight="1" x14ac:dyDescent="0.2">
      <c r="A404" s="117" t="s">
        <v>443</v>
      </c>
      <c r="B404" s="117"/>
      <c r="C404" s="48"/>
      <c r="D404" s="116"/>
      <c r="E404" s="116"/>
      <c r="F404" s="116"/>
    </row>
    <row r="405" spans="1:6" ht="20.100000000000001" customHeight="1" x14ac:dyDescent="0.2">
      <c r="A405" s="117" t="s">
        <v>444</v>
      </c>
      <c r="B405" s="117"/>
      <c r="C405" s="48"/>
      <c r="D405" s="116"/>
      <c r="E405" s="116"/>
      <c r="F405" s="116"/>
    </row>
    <row r="406" spans="1:6" ht="15" customHeight="1" x14ac:dyDescent="0.2">
      <c r="A406" s="47"/>
      <c r="B406" s="47"/>
      <c r="C406" s="47"/>
      <c r="D406" s="47"/>
      <c r="E406" s="48"/>
      <c r="F406" s="48"/>
    </row>
    <row r="407" spans="1:6" ht="24.95" customHeight="1" x14ac:dyDescent="0.2">
      <c r="A407" s="118" t="s">
        <v>445</v>
      </c>
      <c r="B407" s="118"/>
      <c r="C407" s="59"/>
      <c r="D407" s="59"/>
      <c r="E407" s="59"/>
      <c r="F407" s="59"/>
    </row>
    <row r="408" spans="1:6" ht="20.100000000000001" customHeight="1" x14ac:dyDescent="0.2">
      <c r="A408" s="119" t="s">
        <v>446</v>
      </c>
      <c r="B408" s="119"/>
      <c r="C408" s="48"/>
      <c r="D408" s="116"/>
      <c r="E408" s="116"/>
      <c r="F408" s="116"/>
    </row>
    <row r="409" spans="1:6" ht="20.100000000000001" customHeight="1" x14ac:dyDescent="0.2">
      <c r="A409" s="119" t="s">
        <v>447</v>
      </c>
      <c r="B409" s="119"/>
      <c r="C409" s="48"/>
      <c r="D409" s="116"/>
      <c r="E409" s="116"/>
      <c r="F409" s="116"/>
    </row>
    <row r="410" spans="1:6" ht="20.100000000000001" customHeight="1" x14ac:dyDescent="0.2">
      <c r="A410" s="119" t="s">
        <v>448</v>
      </c>
      <c r="B410" s="119"/>
      <c r="C410" s="48"/>
      <c r="D410" s="116"/>
      <c r="E410" s="116"/>
      <c r="F410" s="116"/>
    </row>
    <row r="411" spans="1:6" ht="20.100000000000001" customHeight="1" x14ac:dyDescent="0.2">
      <c r="A411" s="119" t="s">
        <v>449</v>
      </c>
      <c r="B411" s="119"/>
      <c r="C411" s="48"/>
      <c r="D411" s="116"/>
      <c r="E411" s="116"/>
      <c r="F411" s="116"/>
    </row>
    <row r="412" spans="1:6" ht="15" customHeight="1" x14ac:dyDescent="0.2">
      <c r="A412" s="49"/>
      <c r="B412" s="49"/>
      <c r="C412" s="49"/>
      <c r="D412" s="49"/>
      <c r="E412" s="49"/>
      <c r="F412" s="49"/>
    </row>
    <row r="413" spans="1:6" ht="15" customHeight="1" x14ac:dyDescent="0.2">
      <c r="A413" s="50"/>
      <c r="B413" s="51"/>
      <c r="C413" s="50"/>
      <c r="D413" s="51"/>
      <c r="E413" s="49"/>
      <c r="F413" s="50"/>
    </row>
    <row r="414" spans="1:6" ht="15" customHeight="1" x14ac:dyDescent="0.2">
      <c r="A414" s="50" t="s">
        <v>450</v>
      </c>
      <c r="B414" s="58"/>
      <c r="C414" s="49"/>
      <c r="D414" s="50"/>
    </row>
    <row r="415" spans="1:6" ht="15" customHeight="1" x14ac:dyDescent="0.2">
      <c r="A415" s="50" t="s">
        <v>451</v>
      </c>
      <c r="B415" s="60"/>
      <c r="C415" s="49"/>
      <c r="D415" s="63"/>
    </row>
    <row r="416" spans="1:6" ht="15" customHeight="1" x14ac:dyDescent="0.2">
      <c r="A416" s="50"/>
      <c r="B416" s="51"/>
      <c r="C416" s="50"/>
      <c r="D416" s="116"/>
      <c r="E416" s="116"/>
      <c r="F416" s="116"/>
    </row>
    <row r="417" spans="1:6" ht="15" customHeight="1" x14ac:dyDescent="0.2">
      <c r="A417" s="52" t="s">
        <v>452</v>
      </c>
      <c r="B417" s="52"/>
      <c r="C417" s="52"/>
      <c r="D417" s="53" t="s">
        <v>453</v>
      </c>
    </row>
    <row r="418" spans="1:6" ht="15" customHeight="1" x14ac:dyDescent="0.2">
      <c r="A418" s="52"/>
      <c r="B418" s="52"/>
      <c r="C418" s="52"/>
      <c r="D418" s="54" t="s">
        <v>454</v>
      </c>
      <c r="E418" s="50"/>
    </row>
    <row r="419" spans="1:6" ht="9.9499999999999993" customHeight="1" x14ac:dyDescent="0.2">
      <c r="A419" s="55"/>
      <c r="B419" s="56" t="s">
        <v>455</v>
      </c>
      <c r="C419" s="57"/>
      <c r="D419" s="57"/>
      <c r="E419" s="50"/>
      <c r="F419" s="57"/>
    </row>
  </sheetData>
  <mergeCells count="413">
    <mergeCell ref="D416:F416"/>
    <mergeCell ref="A401:B401"/>
    <mergeCell ref="A402:B402"/>
    <mergeCell ref="A403:B403"/>
    <mergeCell ref="A404:B404"/>
    <mergeCell ref="A405:B405"/>
    <mergeCell ref="D402:F402"/>
    <mergeCell ref="D403:F403"/>
    <mergeCell ref="D404:F404"/>
    <mergeCell ref="D405:F405"/>
    <mergeCell ref="A407:B407"/>
    <mergeCell ref="A408:B408"/>
    <mergeCell ref="A409:B409"/>
    <mergeCell ref="A410:B410"/>
    <mergeCell ref="A411:B411"/>
    <mergeCell ref="D408:F408"/>
    <mergeCell ref="D409:F409"/>
    <mergeCell ref="D410:F410"/>
    <mergeCell ref="D411:F411"/>
    <mergeCell ref="A33:D33"/>
    <mergeCell ref="A71:D71"/>
    <mergeCell ref="B72:D72"/>
    <mergeCell ref="B76:D76"/>
    <mergeCell ref="B398:D398"/>
    <mergeCell ref="A7:D7"/>
    <mergeCell ref="B392:D392"/>
    <mergeCell ref="B393:D393"/>
    <mergeCell ref="B394:D394"/>
    <mergeCell ref="B395:D395"/>
    <mergeCell ref="B396:D396"/>
    <mergeCell ref="B397:D397"/>
    <mergeCell ref="B385:D385"/>
    <mergeCell ref="B386:D386"/>
    <mergeCell ref="B390:D390"/>
    <mergeCell ref="B391:D391"/>
    <mergeCell ref="A389:F389"/>
    <mergeCell ref="B382:D382"/>
    <mergeCell ref="B383:D383"/>
    <mergeCell ref="B384:D384"/>
    <mergeCell ref="B379:D379"/>
    <mergeCell ref="B380:D380"/>
    <mergeCell ref="B381:D381"/>
    <mergeCell ref="A375:B375"/>
    <mergeCell ref="A376:B376"/>
    <mergeCell ref="A377:D377"/>
    <mergeCell ref="B378:D378"/>
    <mergeCell ref="A372:B372"/>
    <mergeCell ref="A373:B373"/>
    <mergeCell ref="A374:B374"/>
    <mergeCell ref="A369:B369"/>
    <mergeCell ref="A370:B370"/>
    <mergeCell ref="A371:B371"/>
    <mergeCell ref="A366:B366"/>
    <mergeCell ref="A367:B367"/>
    <mergeCell ref="A368:B368"/>
    <mergeCell ref="A363:B363"/>
    <mergeCell ref="A364:B364"/>
    <mergeCell ref="A365:B365"/>
    <mergeCell ref="A360:B360"/>
    <mergeCell ref="A361:B361"/>
    <mergeCell ref="A362:B362"/>
    <mergeCell ref="A357:B357"/>
    <mergeCell ref="A358:B358"/>
    <mergeCell ref="A359:B359"/>
    <mergeCell ref="A354:B354"/>
    <mergeCell ref="A355:B355"/>
    <mergeCell ref="A356:B356"/>
    <mergeCell ref="A351:B351"/>
    <mergeCell ref="A352:B352"/>
    <mergeCell ref="A353:B353"/>
    <mergeCell ref="A348:B348"/>
    <mergeCell ref="A349:B349"/>
    <mergeCell ref="A350:B350"/>
    <mergeCell ref="A345:B345"/>
    <mergeCell ref="A346:B346"/>
    <mergeCell ref="A347:B347"/>
    <mergeCell ref="A342:B342"/>
    <mergeCell ref="A343:B343"/>
    <mergeCell ref="A344:B344"/>
    <mergeCell ref="A341:D341"/>
    <mergeCell ref="B338:D338"/>
    <mergeCell ref="B339:D339"/>
    <mergeCell ref="B340:D340"/>
    <mergeCell ref="B337:D337"/>
    <mergeCell ref="B334:D334"/>
    <mergeCell ref="B335:D335"/>
    <mergeCell ref="B336:D336"/>
    <mergeCell ref="A330:B330"/>
    <mergeCell ref="A331:B331"/>
    <mergeCell ref="A332:D332"/>
    <mergeCell ref="B333:D333"/>
    <mergeCell ref="A327:B327"/>
    <mergeCell ref="A328:B328"/>
    <mergeCell ref="A329:B329"/>
    <mergeCell ref="A324:B324"/>
    <mergeCell ref="A325:B325"/>
    <mergeCell ref="A326:B326"/>
    <mergeCell ref="A321:B321"/>
    <mergeCell ref="A322:B322"/>
    <mergeCell ref="A323:B323"/>
    <mergeCell ref="A318:B318"/>
    <mergeCell ref="A319:B319"/>
    <mergeCell ref="A320:B320"/>
    <mergeCell ref="A315:B315"/>
    <mergeCell ref="A316:B316"/>
    <mergeCell ref="A317:B317"/>
    <mergeCell ref="A314:D314"/>
    <mergeCell ref="B311:D311"/>
    <mergeCell ref="B312:D312"/>
    <mergeCell ref="B313:D313"/>
    <mergeCell ref="B310:D310"/>
    <mergeCell ref="B307:D307"/>
    <mergeCell ref="B308:D308"/>
    <mergeCell ref="B309:D309"/>
    <mergeCell ref="A303:B303"/>
    <mergeCell ref="A304:B304"/>
    <mergeCell ref="A305:D305"/>
    <mergeCell ref="B306:D306"/>
    <mergeCell ref="A300:B300"/>
    <mergeCell ref="A301:B301"/>
    <mergeCell ref="A302:B302"/>
    <mergeCell ref="A297:B297"/>
    <mergeCell ref="A298:B298"/>
    <mergeCell ref="A299:B299"/>
    <mergeCell ref="A294:B294"/>
    <mergeCell ref="A295:B295"/>
    <mergeCell ref="A296:B296"/>
    <mergeCell ref="A291:B291"/>
    <mergeCell ref="A292:B292"/>
    <mergeCell ref="A293:B293"/>
    <mergeCell ref="A288:B288"/>
    <mergeCell ref="A289:B289"/>
    <mergeCell ref="A290:B290"/>
    <mergeCell ref="A285:B285"/>
    <mergeCell ref="A286:B286"/>
    <mergeCell ref="A287:B287"/>
    <mergeCell ref="A282:B282"/>
    <mergeCell ref="A283:B283"/>
    <mergeCell ref="A284:B284"/>
    <mergeCell ref="A279:B279"/>
    <mergeCell ref="A280:B280"/>
    <mergeCell ref="A281:B281"/>
    <mergeCell ref="A276:B276"/>
    <mergeCell ref="A277:B277"/>
    <mergeCell ref="A278:B278"/>
    <mergeCell ref="A273:B273"/>
    <mergeCell ref="A274:B274"/>
    <mergeCell ref="A275:B275"/>
    <mergeCell ref="A270:B270"/>
    <mergeCell ref="A271:B271"/>
    <mergeCell ref="A272:B272"/>
    <mergeCell ref="A267:B267"/>
    <mergeCell ref="A268:B268"/>
    <mergeCell ref="A269:B269"/>
    <mergeCell ref="A264:B264"/>
    <mergeCell ref="A265:B265"/>
    <mergeCell ref="A266:B266"/>
    <mergeCell ref="A261:B261"/>
    <mergeCell ref="A262:B262"/>
    <mergeCell ref="A263:B263"/>
    <mergeCell ref="A258:B258"/>
    <mergeCell ref="A259:B259"/>
    <mergeCell ref="A260:B260"/>
    <mergeCell ref="A255:B255"/>
    <mergeCell ref="A256:B256"/>
    <mergeCell ref="A257:B257"/>
    <mergeCell ref="A252:B252"/>
    <mergeCell ref="A253:B253"/>
    <mergeCell ref="A254:B254"/>
    <mergeCell ref="A249:B249"/>
    <mergeCell ref="A250:B250"/>
    <mergeCell ref="A251:B251"/>
    <mergeCell ref="A246:B246"/>
    <mergeCell ref="A247:B247"/>
    <mergeCell ref="A248:B248"/>
    <mergeCell ref="A243:B243"/>
    <mergeCell ref="A244:B244"/>
    <mergeCell ref="A245:B245"/>
    <mergeCell ref="B239:D239"/>
    <mergeCell ref="B240:D240"/>
    <mergeCell ref="A242:B242"/>
    <mergeCell ref="A241:D241"/>
    <mergeCell ref="B236:D236"/>
    <mergeCell ref="B237:D237"/>
    <mergeCell ref="B238:D238"/>
    <mergeCell ref="B233:D233"/>
    <mergeCell ref="B234:D234"/>
    <mergeCell ref="B235:D235"/>
    <mergeCell ref="A229:B229"/>
    <mergeCell ref="A230:B230"/>
    <mergeCell ref="A231:D231"/>
    <mergeCell ref="B232:D232"/>
    <mergeCell ref="A226:B226"/>
    <mergeCell ref="A227:B227"/>
    <mergeCell ref="A228:B228"/>
    <mergeCell ref="A223:B223"/>
    <mergeCell ref="A224:B224"/>
    <mergeCell ref="A225:B225"/>
    <mergeCell ref="A220:B220"/>
    <mergeCell ref="A221:B221"/>
    <mergeCell ref="A222:B222"/>
    <mergeCell ref="A217:B217"/>
    <mergeCell ref="A218:B218"/>
    <mergeCell ref="A219:B219"/>
    <mergeCell ref="A214:B214"/>
    <mergeCell ref="A215:B215"/>
    <mergeCell ref="A216:B216"/>
    <mergeCell ref="A211:B211"/>
    <mergeCell ref="A212:B212"/>
    <mergeCell ref="A213:B213"/>
    <mergeCell ref="A208:B208"/>
    <mergeCell ref="A209:B209"/>
    <mergeCell ref="A210:B210"/>
    <mergeCell ref="A205:B205"/>
    <mergeCell ref="A206:B206"/>
    <mergeCell ref="A207:B207"/>
    <mergeCell ref="B201:D201"/>
    <mergeCell ref="A203:B203"/>
    <mergeCell ref="A204:B204"/>
    <mergeCell ref="A202:D202"/>
    <mergeCell ref="B198:D198"/>
    <mergeCell ref="B199:D199"/>
    <mergeCell ref="B200:D200"/>
    <mergeCell ref="B195:D195"/>
    <mergeCell ref="B196:D196"/>
    <mergeCell ref="B197:D197"/>
    <mergeCell ref="A191:B191"/>
    <mergeCell ref="A192:B192"/>
    <mergeCell ref="A193:D193"/>
    <mergeCell ref="B194:D194"/>
    <mergeCell ref="A187:B187"/>
    <mergeCell ref="A188:B188"/>
    <mergeCell ref="A189:D189"/>
    <mergeCell ref="A190:B190"/>
    <mergeCell ref="A184:B184"/>
    <mergeCell ref="A185:B185"/>
    <mergeCell ref="A186:B186"/>
    <mergeCell ref="B180:D180"/>
    <mergeCell ref="B181:D181"/>
    <mergeCell ref="A183:B183"/>
    <mergeCell ref="A182:D182"/>
    <mergeCell ref="B177:D177"/>
    <mergeCell ref="B178:D178"/>
    <mergeCell ref="B179:D179"/>
    <mergeCell ref="B174:D174"/>
    <mergeCell ref="B175:D175"/>
    <mergeCell ref="B176:D176"/>
    <mergeCell ref="A170:B170"/>
    <mergeCell ref="A171:B171"/>
    <mergeCell ref="A172:D172"/>
    <mergeCell ref="B173:D173"/>
    <mergeCell ref="A167:B167"/>
    <mergeCell ref="A168:B168"/>
    <mergeCell ref="A169:B169"/>
    <mergeCell ref="A164:B164"/>
    <mergeCell ref="A165:B165"/>
    <mergeCell ref="A166:B166"/>
    <mergeCell ref="A161:B161"/>
    <mergeCell ref="A162:B162"/>
    <mergeCell ref="A163:B163"/>
    <mergeCell ref="A158:B158"/>
    <mergeCell ref="A159:B159"/>
    <mergeCell ref="A160:B160"/>
    <mergeCell ref="A155:B155"/>
    <mergeCell ref="A156:B156"/>
    <mergeCell ref="A157:B157"/>
    <mergeCell ref="A152:B152"/>
    <mergeCell ref="A153:B153"/>
    <mergeCell ref="A154:B154"/>
    <mergeCell ref="A149:B149"/>
    <mergeCell ref="A150:B150"/>
    <mergeCell ref="A151:B151"/>
    <mergeCell ref="B145:D145"/>
    <mergeCell ref="B146:D146"/>
    <mergeCell ref="A148:B148"/>
    <mergeCell ref="A147:D147"/>
    <mergeCell ref="B142:D142"/>
    <mergeCell ref="B143:D143"/>
    <mergeCell ref="B144:D144"/>
    <mergeCell ref="B140:D140"/>
    <mergeCell ref="B141:D141"/>
    <mergeCell ref="A138:D138"/>
    <mergeCell ref="B139:D139"/>
    <mergeCell ref="A135:B135"/>
    <mergeCell ref="A136:B136"/>
    <mergeCell ref="A137:B137"/>
    <mergeCell ref="A132:B132"/>
    <mergeCell ref="A133:B133"/>
    <mergeCell ref="A134:B134"/>
    <mergeCell ref="A129:B129"/>
    <mergeCell ref="A130:B130"/>
    <mergeCell ref="A131:B131"/>
    <mergeCell ref="A126:B126"/>
    <mergeCell ref="A127:B127"/>
    <mergeCell ref="A128:B128"/>
    <mergeCell ref="A123:B123"/>
    <mergeCell ref="A124:B124"/>
    <mergeCell ref="A125:B125"/>
    <mergeCell ref="A120:B120"/>
    <mergeCell ref="A121:B121"/>
    <mergeCell ref="A122:B122"/>
    <mergeCell ref="A117:B117"/>
    <mergeCell ref="A118:B118"/>
    <mergeCell ref="A119:B119"/>
    <mergeCell ref="A114:B114"/>
    <mergeCell ref="A115:B115"/>
    <mergeCell ref="A116:B116"/>
    <mergeCell ref="A111:B111"/>
    <mergeCell ref="A112:B112"/>
    <mergeCell ref="A113:B113"/>
    <mergeCell ref="A108:B108"/>
    <mergeCell ref="A109:B109"/>
    <mergeCell ref="A110:B110"/>
    <mergeCell ref="A105:B105"/>
    <mergeCell ref="A106:B106"/>
    <mergeCell ref="A107:B107"/>
    <mergeCell ref="A102:B102"/>
    <mergeCell ref="A103:B103"/>
    <mergeCell ref="A104:B104"/>
    <mergeCell ref="B98:D98"/>
    <mergeCell ref="B99:D99"/>
    <mergeCell ref="A101:B101"/>
    <mergeCell ref="A100:D100"/>
    <mergeCell ref="B95:D95"/>
    <mergeCell ref="B96:D96"/>
    <mergeCell ref="B97:D97"/>
    <mergeCell ref="B92:D92"/>
    <mergeCell ref="B93:D93"/>
    <mergeCell ref="B94:D94"/>
    <mergeCell ref="B89:D89"/>
    <mergeCell ref="B90:D90"/>
    <mergeCell ref="B91:D91"/>
    <mergeCell ref="B88:D88"/>
    <mergeCell ref="B85:D85"/>
    <mergeCell ref="B86:D86"/>
    <mergeCell ref="B87:D87"/>
    <mergeCell ref="B82:D82"/>
    <mergeCell ref="B83:D83"/>
    <mergeCell ref="B84:D84"/>
    <mergeCell ref="B78:D78"/>
    <mergeCell ref="B80:D80"/>
    <mergeCell ref="B81:D81"/>
    <mergeCell ref="B79:D79"/>
    <mergeCell ref="B74:D74"/>
    <mergeCell ref="B75:D75"/>
    <mergeCell ref="B77:D77"/>
    <mergeCell ref="A70:B70"/>
    <mergeCell ref="B73:D73"/>
    <mergeCell ref="A67:B67"/>
    <mergeCell ref="A68:B68"/>
    <mergeCell ref="A69:B69"/>
    <mergeCell ref="A64:B64"/>
    <mergeCell ref="A65:B65"/>
    <mergeCell ref="A66:B66"/>
    <mergeCell ref="A61:B61"/>
    <mergeCell ref="A62:B62"/>
    <mergeCell ref="A63:B63"/>
    <mergeCell ref="A58:B58"/>
    <mergeCell ref="A59:B59"/>
    <mergeCell ref="A60:B60"/>
    <mergeCell ref="A55:B55"/>
    <mergeCell ref="A56:B56"/>
    <mergeCell ref="A57:B57"/>
    <mergeCell ref="A52:B52"/>
    <mergeCell ref="A53:B53"/>
    <mergeCell ref="A54:B54"/>
    <mergeCell ref="A49:B49"/>
    <mergeCell ref="A50:B50"/>
    <mergeCell ref="A51:B51"/>
    <mergeCell ref="A46:B46"/>
    <mergeCell ref="A47:B47"/>
    <mergeCell ref="A48:B48"/>
    <mergeCell ref="A43:B43"/>
    <mergeCell ref="A44:B44"/>
    <mergeCell ref="A45:B45"/>
    <mergeCell ref="A40:B40"/>
    <mergeCell ref="A41:B41"/>
    <mergeCell ref="A42:B42"/>
    <mergeCell ref="A37:B37"/>
    <mergeCell ref="A38:B38"/>
    <mergeCell ref="A39:B39"/>
    <mergeCell ref="A34:B34"/>
    <mergeCell ref="A35:B35"/>
    <mergeCell ref="A36:B36"/>
    <mergeCell ref="B30:D30"/>
    <mergeCell ref="B31:D31"/>
    <mergeCell ref="B32:D32"/>
    <mergeCell ref="B27:D27"/>
    <mergeCell ref="B28:D28"/>
    <mergeCell ref="B29:D29"/>
    <mergeCell ref="B24:D24"/>
    <mergeCell ref="B25:D25"/>
    <mergeCell ref="B26:D26"/>
    <mergeCell ref="A20:B20"/>
    <mergeCell ref="A21:B21"/>
    <mergeCell ref="B23:D23"/>
    <mergeCell ref="A17:B17"/>
    <mergeCell ref="A18:B18"/>
    <mergeCell ref="A19:B19"/>
    <mergeCell ref="A14:B14"/>
    <mergeCell ref="A15:B15"/>
    <mergeCell ref="A16:B16"/>
    <mergeCell ref="A22:D22"/>
    <mergeCell ref="A11:B11"/>
    <mergeCell ref="A12:B12"/>
    <mergeCell ref="A13:B13"/>
    <mergeCell ref="A8:B8"/>
    <mergeCell ref="A9:B9"/>
    <mergeCell ref="A10:B10"/>
    <mergeCell ref="A1:D1"/>
    <mergeCell ref="A2:D2"/>
    <mergeCell ref="A3:D3"/>
    <mergeCell ref="A5:B6"/>
  </mergeCells>
  <conditionalFormatting sqref="B414:B415">
    <cfRule type="containsBlanks" dxfId="9" priority="29">
      <formula>LEN(TRIM(B414))=0</formula>
    </cfRule>
  </conditionalFormatting>
  <conditionalFormatting sqref="D402:F402">
    <cfRule type="containsBlanks" dxfId="8" priority="13">
      <formula>LEN(TRIM(D402))=0</formula>
    </cfRule>
  </conditionalFormatting>
  <conditionalFormatting sqref="D403:F403">
    <cfRule type="containsBlanks" dxfId="7" priority="12">
      <formula>LEN(TRIM(D403))=0</formula>
    </cfRule>
  </conditionalFormatting>
  <conditionalFormatting sqref="D404:F404">
    <cfRule type="containsBlanks" dxfId="6" priority="11">
      <formula>LEN(TRIM(D404))=0</formula>
    </cfRule>
  </conditionalFormatting>
  <conditionalFormatting sqref="D405:F405">
    <cfRule type="containsBlanks" dxfId="5" priority="10">
      <formula>LEN(TRIM(D405))=0</formula>
    </cfRule>
  </conditionalFormatting>
  <conditionalFormatting sqref="D408:F408">
    <cfRule type="containsBlanks" dxfId="4" priority="5">
      <formula>LEN(TRIM(D408))=0</formula>
    </cfRule>
  </conditionalFormatting>
  <conditionalFormatting sqref="D409:F409">
    <cfRule type="containsBlanks" dxfId="3" priority="4">
      <formula>LEN(TRIM(D409))=0</formula>
    </cfRule>
  </conditionalFormatting>
  <conditionalFormatting sqref="D410:F410">
    <cfRule type="containsBlanks" dxfId="2" priority="3">
      <formula>LEN(TRIM(D410))=0</formula>
    </cfRule>
  </conditionalFormatting>
  <conditionalFormatting sqref="D411:F411">
    <cfRule type="containsBlanks" dxfId="1" priority="2">
      <formula>LEN(TRIM(D411))=0</formula>
    </cfRule>
  </conditionalFormatting>
  <conditionalFormatting sqref="D416:F416">
    <cfRule type="containsBlanks" dxfId="0" priority="1">
      <formula>LEN(TRIM(D416))=0</formula>
    </cfRule>
  </conditionalFormatting>
  <pageMargins left="0.98425196850393704" right="0.78740157480314965" top="0.98425196850393704" bottom="0.78740157480314965" header="0.31496062992125984" footer="0.31496062992125984"/>
  <pageSetup paperSize="9" scale="48" fitToHeight="0" orientation="portrait" r:id="rId1"/>
  <headerFooter>
    <oddHeader>&amp;L&amp;"Arial,Tučné"&amp;10Príloha č. 1 PT&amp;"Arial,Normálne"
Špecifikácia predmetu zákazky</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Špecifikácia predmetu zákazky</vt:lpstr>
      <vt:lpstr>'Špecifikácia predmetu zákazky'!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gdaléna Suchá</dc:creator>
  <cp:lastModifiedBy>Magdaléna Suchá</cp:lastModifiedBy>
  <cp:lastPrinted>2024-03-01T09:09:38Z</cp:lastPrinted>
  <dcterms:created xsi:type="dcterms:W3CDTF">2024-02-29T13:53:21Z</dcterms:created>
  <dcterms:modified xsi:type="dcterms:W3CDTF">2024-03-01T09:09:46Z</dcterms:modified>
</cp:coreProperties>
</file>